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bookmarkStart w:id="0" w:name="_GoBack"/>
      <w:bookmarkEnd w:id="0"/>
      <w:r w:rsidRPr="005A1F79">
        <w:rPr>
          <w:rFonts w:ascii="Courier New" w:hAnsi="Courier New" w:cs="Courier New"/>
        </w:rPr>
        <w:t>Отчет об итогах голосования{\rtf1\adeflang1025\ansi\ansicpg1251\uc1\adeff0\deff0\stshfdbch0\stshfloch39\stshfhich39\stshfbi39\deflang1049\deflangfe1049\themelang1049\themelangfe0\themelangcs0{\fonttbl{\f0\fbidi \froman\fcharset204\fprq2{\*\panose 020206030</w:t>
      </w:r>
      <w:r w:rsidRPr="005A1F79">
        <w:rPr>
          <w:rFonts w:ascii="Courier New" w:hAnsi="Courier New" w:cs="Courier New"/>
        </w:rPr>
        <w:t>50405020304}Times New Roman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1\fbidi \fswiss\fcharset204\fprq2{\*\panose 020b0604020202020204}Arial;}{\f2\fbidi \fmodern\fcharset204\fprq1{\*\panose 02070309020205020404}Courier New;}{\f3\fbidi \froman\fcharset2\fprq2{\*\panos</w:t>
      </w:r>
      <w:r w:rsidRPr="005A1F79">
        <w:rPr>
          <w:rFonts w:ascii="Courier New" w:hAnsi="Courier New" w:cs="Courier New"/>
        </w:rPr>
        <w:t>e 05050102010706020507}Symbol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10\fbidi \fnil\fcharset2\fprq2{\*\panose 05000000000000000000}Wingdings;}{\f10\fbidi \fnil\fcharset2\fprq2{\*\panose 05000000000000000000}Wingdings;}{\f39\fbidi \fswiss\fcharset204\fprq2{\*\panose 020f0502020204030204}Ca</w:t>
      </w:r>
      <w:r w:rsidRPr="005A1F79">
        <w:rPr>
          <w:rFonts w:ascii="Courier New" w:hAnsi="Courier New" w:cs="Courier New"/>
        </w:rPr>
        <w:t>libri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40\fbidi \fswiss\fcharset204\fprq2{\*\panose 00000000000000000000}Tahoma;}{\f41\fbidi \fswiss\fcharset204\fprq2{\*\panose 020b0604030504040204}Verdana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lomajor\f31500\fbidi \froman\fcharset204\fprq2{\*\panose 02020603050405020304}Times New</w:t>
      </w:r>
      <w:r w:rsidRPr="005A1F79">
        <w:rPr>
          <w:rFonts w:ascii="Courier New" w:hAnsi="Courier New" w:cs="Courier New"/>
        </w:rPr>
        <w:t xml:space="preserve"> Roman{\*\falt Times New Roman};}{\fdbmajor\f31501\fbidi \froman\fcharset204\fprq2{\*\panose 02020603050405020304}Times New Roman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himajor\f31502\fbidi \fswiss\fcharset204\fprq2{\*\panose 020f0302020204030204}Calibri Light;}{\</w:t>
      </w:r>
      <w:r w:rsidRPr="005A1F79">
        <w:rPr>
          <w:rFonts w:ascii="Courier New" w:hAnsi="Courier New" w:cs="Courier New"/>
        </w:rPr>
        <w:t>fbimajor\f31503\fbidi \froman\fcharset204\fprq2{\*\panose 02020603050405020304}Times New Roman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lominor\f31504\fbidi \froman\fcharset204\fprq2{\*\panose 02020603050405020304}Times New Roman{\*\falt Times New Roman};}{\fdbminor</w:t>
      </w:r>
      <w:r w:rsidRPr="005A1F79">
        <w:rPr>
          <w:rFonts w:ascii="Courier New" w:hAnsi="Courier New" w:cs="Courier New"/>
        </w:rPr>
        <w:t>\f31505\fbidi \froman\fcharset204\fprq2{\*\panose 02020603050405020304}Times New Roman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himinor\f31506\fbidi \fswiss\fcharset204\fprq2{\*\panose 020f0502020204030204}Calibri;}{\fbiminor\f31507\fbidi \froman\fcharset204\fprq2{\</w:t>
      </w:r>
      <w:r w:rsidRPr="005A1F79">
        <w:rPr>
          <w:rFonts w:ascii="Courier New" w:hAnsi="Courier New" w:cs="Courier New"/>
        </w:rPr>
        <w:t>*\panose 02020603050405020304}Times New Roman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45\fbidi \froman\fcharset0\fprq2 Times New Roman{\*\falt Times New Roman};}{\f43\fbidi \froman\fcharset238\fprq2 Times New Roman CE{\*\falt Times New Roman};}{\f46\fbidi \froman\f</w:t>
      </w:r>
      <w:r w:rsidRPr="005A1F79">
        <w:rPr>
          <w:rFonts w:ascii="Courier New" w:hAnsi="Courier New" w:cs="Courier New"/>
        </w:rPr>
        <w:t>charset161\fprq2 Times New Roman Greek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47\fbidi \froman\fcharset162\fprq2 Times New Roman Tur{\*\falt Times New Roman};}{\f48\fbidi \froman\fcharset177\fprq2 Times New Roman (Hebrew)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49\fbidi \f</w:t>
      </w:r>
      <w:r w:rsidRPr="005A1F79">
        <w:rPr>
          <w:rFonts w:ascii="Courier New" w:hAnsi="Courier New" w:cs="Courier New"/>
        </w:rPr>
        <w:t>roman\fcharset178\fprq2 Times New Roman (Arabic){\*\falt Times New Roman};}{\f50\fbidi \froman\fcharset186\fprq2 Times New Roman Baltic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51\fbidi \froman\fcharset163\fprq2 Times New Roman (Vietnamese){\*\falt Times New Roman};</w:t>
      </w:r>
      <w:r w:rsidRPr="005A1F79">
        <w:rPr>
          <w:rFonts w:ascii="Courier New" w:hAnsi="Courier New" w:cs="Courier New"/>
        </w:rPr>
        <w:t>}{\f55\fbidi \fswiss\fcharset0\fprq2 Arial;}{\f53\fbidi \fswiss\fcharset238\fprq2 Arial CE;}{\f56\fbidi \fswiss\fcharset161\fprq2 Arial Greek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57\fbidi \fswiss\fcharset162\fprq2 Arial Tur;}{\f58\fbidi \fswiss\fcharset177\fprq2 Arial (Hebrew);}{\f59\fb</w:t>
      </w:r>
      <w:r w:rsidRPr="005A1F79">
        <w:rPr>
          <w:rFonts w:ascii="Courier New" w:hAnsi="Courier New" w:cs="Courier New"/>
        </w:rPr>
        <w:t>idi \fswiss\fcharset178\fprq2 Arial (Arabic);}{\f60\fbidi \fswiss\fcharset186\fprq2 Arial Baltic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lastRenderedPageBreak/>
        <w:t>{\f61\fbidi \fswiss\fcharset163\fprq2 Arial (Vietnamese);}{\f65\fbidi \fmodern\fcharset0\fprq1 Courier New;}{\f63\fbidi \fmodern\fcharset238\fprq1 Courier N</w:t>
      </w:r>
      <w:r w:rsidRPr="005A1F79">
        <w:rPr>
          <w:rFonts w:ascii="Courier New" w:hAnsi="Courier New" w:cs="Courier New"/>
        </w:rPr>
        <w:t>ew CE;}{\f66\fbidi \fmodern\fcharset161\fprq1 Courier New Greek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67\fbidi \fmodern\fcharset162\fprq1 Courier New Tur;}{\f68\fbidi \fmodern\fcharset177\fprq1 Courier New (Hebrew);}{\f69\fbidi \fmodern\fcharset178\fprq1 Courier New (Arabic);}{\f70\fbidi</w:t>
      </w:r>
      <w:r w:rsidRPr="005A1F79">
        <w:rPr>
          <w:rFonts w:ascii="Courier New" w:hAnsi="Courier New" w:cs="Courier New"/>
        </w:rPr>
        <w:t xml:space="preserve"> \fmodern\fcharset186\fprq1 Courier New Baltic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71\fbidi \fmodern\fcharset163\fprq1 Courier New (Vietnamese);}{\f435\fbidi \fswiss\fcharset0\fprq2 Calibri;}{\f433\fbidi \fswiss\fcharset238\fprq2 Calibri CE;}{\f436\fbidi \fswiss\fcharset161\fprq2 Calib</w:t>
      </w:r>
      <w:r w:rsidRPr="005A1F79">
        <w:rPr>
          <w:rFonts w:ascii="Courier New" w:hAnsi="Courier New" w:cs="Courier New"/>
        </w:rPr>
        <w:t>ri Greek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437\fbidi \fswiss\fcharset162\fprq2 Calibri Tur;}{\f438\fbidi \fswiss\fcharset177\fprq2 Calibri (Hebrew);}{\f439\fbidi \fswiss\fcharset178\fprq2 Calibri (Arabic);}{\f440\fbidi \fswiss\fcharset186\fprq2 Calibri Baltic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441\fbidi \fswiss\</w:t>
      </w:r>
      <w:r w:rsidRPr="005A1F79">
        <w:rPr>
          <w:rFonts w:ascii="Courier New" w:hAnsi="Courier New" w:cs="Courier New"/>
        </w:rPr>
        <w:t>fcharset163\fprq2 Calibri (Vietnamese);}{\f445\fbidi \fswiss\fcharset0\fprq2 Tahoma;}{\f443\fbidi \fswiss\fcharset238\fprq2 Tahoma CE;}{\f446\fbidi \fswiss\fcharset161\fprq2 Tahoma Greek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447\fbidi \fswiss\fcharset162\fprq2 Tahoma Tur;}{\f448\fbidi \f</w:t>
      </w:r>
      <w:r w:rsidRPr="005A1F79">
        <w:rPr>
          <w:rFonts w:ascii="Courier New" w:hAnsi="Courier New" w:cs="Courier New"/>
        </w:rPr>
        <w:t>swiss\fcharset177\fprq2 Tahoma (Hebrew);}{\f449\fbidi \fswiss\fcharset178\fprq2 Tahoma (Arabic);}{\f450\fbidi \fswiss\fcharset186\fprq2 Tahoma Baltic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451\fbidi \fswiss\fcharset163\fprq2 Tahoma (Vietnamese);}{\f452\fbidi \fswiss\fcharset222\fprq2 Taho</w:t>
      </w:r>
      <w:r w:rsidRPr="005A1F79">
        <w:rPr>
          <w:rFonts w:ascii="Courier New" w:hAnsi="Courier New" w:cs="Courier New"/>
        </w:rPr>
        <w:t>ma (Thai);}{\f455\fbidi \fswiss\fcharset0\fprq2 Verdana;}{\f453\fbidi \fswiss\fcharset238\fprq2 Verdana CE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456\fbidi \fswiss\fcharset161\fprq2 Verdana Greek;}{\f457\fbidi \fswiss\fcharset162\fprq2 Verdana Tur;}{\f460\fbidi \fswiss\fcharset186\fprq2 V</w:t>
      </w:r>
      <w:r w:rsidRPr="005A1F79">
        <w:rPr>
          <w:rFonts w:ascii="Courier New" w:hAnsi="Courier New" w:cs="Courier New"/>
        </w:rPr>
        <w:t>erdana Baltic;}{\f461\fbidi \fswiss\fcharset163\fprq2 Verdana (Vietnamese)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lomajor\f31510\fbidi \froman\fcharset0\fprq2 Times New Roman{\*\falt Times New Roman};}{\flomajor\f31508\fbidi \froman\fcharset238\fprq2 Times New Roman CE{\*\falt Times New R</w:t>
      </w:r>
      <w:r w:rsidRPr="005A1F79">
        <w:rPr>
          <w:rFonts w:ascii="Courier New" w:hAnsi="Courier New" w:cs="Courier New"/>
        </w:rPr>
        <w:t>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lomajor\f31511\fbidi \froman\fcharset161\fprq2 Times New Roman Greek{\*\falt Times New Roman};}{\flomajor\f31512\fbidi \froman\fcharset162\fprq2 Times New Roman Tur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lomajor\f31513\fbidi \froman\fcharset177\fprq2 T</w:t>
      </w:r>
      <w:r w:rsidRPr="005A1F79">
        <w:rPr>
          <w:rFonts w:ascii="Courier New" w:hAnsi="Courier New" w:cs="Courier New"/>
        </w:rPr>
        <w:t>imes New Roman (Hebrew){\*\falt Times New Roman};}{\flomajor\f31514\fbidi \froman\fcharset178\fprq2 Times New Roman (Arabic)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lomajor\f31515\fbidi \froman\fcharset186\fprq2 Times New Roman Baltic{\*\falt Times New Roman};}{\fl</w:t>
      </w:r>
      <w:r w:rsidRPr="005A1F79">
        <w:rPr>
          <w:rFonts w:ascii="Courier New" w:hAnsi="Courier New" w:cs="Courier New"/>
        </w:rPr>
        <w:t>omajor\f31516\fbidi \froman\fcharset163\fprq2 Times New Roman (Vietnamese)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dbmajor\f31520\fbidi \froman\fcharset0\fprq2 Times New Roman{\*\falt Times New Roman};}{\fdbmajor\f31518\fbidi \froman\fcharset238\fprq2 Times New Rom</w:t>
      </w:r>
      <w:r w:rsidRPr="005A1F79">
        <w:rPr>
          <w:rFonts w:ascii="Courier New" w:hAnsi="Courier New" w:cs="Courier New"/>
        </w:rPr>
        <w:t>an CE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dbmajor\f31521\fbidi \froman\fcharset161\fprq2 Times New Roman Greek{\*\falt Times New Roman};}{\fdbmajor\f31522\fbidi \froman\fcharset162\fprq2 Times New Roman Tur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dbmajor\f31523\fbidi \f</w:t>
      </w:r>
      <w:r w:rsidRPr="005A1F79">
        <w:rPr>
          <w:rFonts w:ascii="Courier New" w:hAnsi="Courier New" w:cs="Courier New"/>
        </w:rPr>
        <w:t>roman\fcharset177\fprq2 Times New Roman (Hebrew){\*\falt Times New Roman};}{\fdbmajor\f31524\fbidi \froman\fcharset178\fprq2 Times New Roman (Arabic)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dbmajor\f31525\fbidi \froman\fcharset186\fprq2 Times New Roman Baltic{\*\fa</w:t>
      </w:r>
      <w:r w:rsidRPr="005A1F79">
        <w:rPr>
          <w:rFonts w:ascii="Courier New" w:hAnsi="Courier New" w:cs="Courier New"/>
        </w:rPr>
        <w:t>lt Times New Roman};}{\fdbmajor\f31526\fbidi \froman\fcharset163\fprq2 Times New Roman (Vietnamese)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himajor\f31530\fbidi \fswiss\fcharset0\fprq2 Calibri Light;}{\fhimajor\f31528\fbidi \fswiss\fcharset238\fprq2 Calibri Light C</w:t>
      </w:r>
      <w:r w:rsidRPr="005A1F79">
        <w:rPr>
          <w:rFonts w:ascii="Courier New" w:hAnsi="Courier New" w:cs="Courier New"/>
        </w:rPr>
        <w:t>E;}{\fhimajor\f31531\fbidi \fswiss\fcharset161\fprq2 Calibri Light Greek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himajor\f31532\fbidi \fswiss\fcharset162\fprq2 Calibri Light Tur;}{\fhimajor\f31533\fbidi \fswiss\fcharset177\fprq2 Calibri Light (Hebrew);}{\fhimajor\f31534\fbidi \fswiss\fchar</w:t>
      </w:r>
      <w:r w:rsidRPr="005A1F79">
        <w:rPr>
          <w:rFonts w:ascii="Courier New" w:hAnsi="Courier New" w:cs="Courier New"/>
        </w:rPr>
        <w:t>set178\fprq2 Calibri Light (Arabic)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himajor\f31535\fbidi \fswiss\fcharset186\fprq2 Calibri Light Baltic;}{\fhimajor\f31536\fbidi \fswiss\fcharset163\fprq2 Calibri Light (Vietnamese);}{\fbimajor\f31540\fbidi \froman\fcharset0\fprq2 Times New Roman{\*\</w:t>
      </w:r>
      <w:r w:rsidRPr="005A1F79">
        <w:rPr>
          <w:rFonts w:ascii="Courier New" w:hAnsi="Courier New" w:cs="Courier New"/>
        </w:rPr>
        <w:t>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bimajor\f31538\fbidi \froman\fcharset238\fprq2 Times New Roman CE{\*\falt Times New Roman};}{\fbimajor\f31541\fbidi \froman\fcharset161\fprq2 Times New Roman Greek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bimajor\f31542\fbidi \froman\fcha</w:t>
      </w:r>
      <w:r w:rsidRPr="005A1F79">
        <w:rPr>
          <w:rFonts w:ascii="Courier New" w:hAnsi="Courier New" w:cs="Courier New"/>
        </w:rPr>
        <w:t>rset162\fprq2 Times New Roman Tur{\*\falt Times New Roman};}{\fbimajor\f31543\fbidi \froman\fcharset177\fprq2 Times New Roman (Hebrew)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{\fbimajor\f31544\fbidi \froman\fcharset178\fprq2 Times New Roman (Arabic){\*\falt Times New </w:t>
      </w:r>
      <w:r w:rsidRPr="005A1F79">
        <w:rPr>
          <w:rFonts w:ascii="Courier New" w:hAnsi="Courier New" w:cs="Courier New"/>
        </w:rPr>
        <w:t>Roman};}{\fbimajor\f31545\fbidi \froman\fcharset186\fprq2 Times New Roman Baltic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bimajor\f31546\fbidi \froman\fcharset163\fprq2 Times New Roman (Vietnamese){\*\falt Times New Roman};}{\flominor\f31550\fbidi \froman\fcharset0\</w:t>
      </w:r>
      <w:r w:rsidRPr="005A1F79">
        <w:rPr>
          <w:rFonts w:ascii="Courier New" w:hAnsi="Courier New" w:cs="Courier New"/>
        </w:rPr>
        <w:t>fprq2 Times New Roman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lominor\f31548\fbidi \froman\fcharset238\fprq2 Times New Roman CE{\*\falt Times New Roman};}{\flominor\f31551\fbidi \froman\fcharset161\fprq2 Times New Roman Greek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lominor\</w:t>
      </w:r>
      <w:r w:rsidRPr="005A1F79">
        <w:rPr>
          <w:rFonts w:ascii="Courier New" w:hAnsi="Courier New" w:cs="Courier New"/>
        </w:rPr>
        <w:t>f31552\fbidi \froman\fcharset162\fprq2 Times New Roman Tur{\*\falt Times New Roman};}{\flominor\f31553\fbidi \froman\fcharset177\fprq2 Times New Roman (Hebrew)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lominor\f31554\fbidi \froman\fcharset178\fprq2 Times New Roman (A</w:t>
      </w:r>
      <w:r w:rsidRPr="005A1F79">
        <w:rPr>
          <w:rFonts w:ascii="Courier New" w:hAnsi="Courier New" w:cs="Courier New"/>
        </w:rPr>
        <w:t>rabic){\*\falt Times New Roman};}{\flominor\f31555\fbidi \froman\fcharset186\fprq2 Times New Roman Baltic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lominor\f31556\fbidi \froman\fcharset163\fprq2 Times New Roman (Vietnamese){\*\falt Times New Roman};}{\fdbminor\f31560</w:t>
      </w:r>
      <w:r w:rsidRPr="005A1F79">
        <w:rPr>
          <w:rFonts w:ascii="Courier New" w:hAnsi="Courier New" w:cs="Courier New"/>
        </w:rPr>
        <w:t>\fbidi \froman\fcharset0\fprq2 Times New Roman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{\fdbminor\f31558\fbidi \froman\fcharset238\fprq2 Times New Roman CE{\*\falt Times New Roman};}{\fdbminor\f31561\fbidi \froman\fcharset161\fprq2 Times New Roman Greek{\*\falt Times </w:t>
      </w:r>
      <w:r w:rsidRPr="005A1F79">
        <w:rPr>
          <w:rFonts w:ascii="Courier New" w:hAnsi="Courier New" w:cs="Courier New"/>
        </w:rPr>
        <w:t>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dbminor\f31562\fbidi \froman\fcharset162\fprq2 Times New Roman Tur{\*\falt Times New Roman};}{\fdbminor\f31563\fbidi \froman\fcharset177\fprq2 Times New Roman (Hebrew)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dbminor\f31564\fbidi \froman\fcharset178</w:t>
      </w:r>
      <w:r w:rsidRPr="005A1F79">
        <w:rPr>
          <w:rFonts w:ascii="Courier New" w:hAnsi="Courier New" w:cs="Courier New"/>
        </w:rPr>
        <w:t>\fprq2 Times New Roman (Arabic){\*\falt Times New Roman};}{\fdbminor\f31565\fbidi \froman\fcharset186\fprq2 Times New Roman Baltic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{\fdbminor\f31566\fbidi \froman\fcharset163\fprq2 Times New Roman (Vietnamese){\*\falt Times New </w:t>
      </w:r>
      <w:r w:rsidRPr="005A1F79">
        <w:rPr>
          <w:rFonts w:ascii="Courier New" w:hAnsi="Courier New" w:cs="Courier New"/>
        </w:rPr>
        <w:t>Roman};}{\fhiminor\f31570\fbidi \fswiss\fcharset0\fprq2 Calibri;}{\fhiminor\f31568\fbidi \fswiss\fcharset238\fprq2 Calibri CE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himinor\f31571\fbidi \fswiss\fcharset161\fprq2 Calibri Greek;}{\fhiminor\f31572\fbidi \fswiss\fcharset162\fprq2 Calibri Tur;</w:t>
      </w:r>
      <w:r w:rsidRPr="005A1F79">
        <w:rPr>
          <w:rFonts w:ascii="Courier New" w:hAnsi="Courier New" w:cs="Courier New"/>
        </w:rPr>
        <w:t>}{\fhiminor\f31573\fbidi \fswiss\fcharset177\fprq2 Calibri (Hebrew)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himinor\f31574\fbidi \fswiss\fcharset178\fprq2 Calibri (Arabic);}{\fhiminor\f31575\fbidi \fswiss\fcharset186\fprq2 Calibri Baltic;}{\fhiminor\f31576\fbidi \fswiss\fcharset163\fprq2 C</w:t>
      </w:r>
      <w:r w:rsidRPr="005A1F79">
        <w:rPr>
          <w:rFonts w:ascii="Courier New" w:hAnsi="Courier New" w:cs="Courier New"/>
        </w:rPr>
        <w:t>alibri (Vietnamese)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biminor\f31580\fbidi \froman\fcharset0\fprq2 Times New Roman{\*\falt Times New Roman};}{\fbiminor\f31578\fbidi \froman\fcharset238\fprq2 Times New Roman CE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biminor\f31581\fbidi \froman\fcharset161\fp</w:t>
      </w:r>
      <w:r w:rsidRPr="005A1F79">
        <w:rPr>
          <w:rFonts w:ascii="Courier New" w:hAnsi="Courier New" w:cs="Courier New"/>
        </w:rPr>
        <w:t>rq2 Times New Roman Greek{\*\falt Times New Roman};}{\fbiminor\f31582\fbidi \froman\fcharset162\fprq2 Times New Roman Tur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biminor\f31583\fbidi \froman\fcharset177\fprq2 Times New Roman (Hebrew){\*\falt Times New Roman};}{\fbi</w:t>
      </w:r>
      <w:r w:rsidRPr="005A1F79">
        <w:rPr>
          <w:rFonts w:ascii="Courier New" w:hAnsi="Courier New" w:cs="Courier New"/>
        </w:rPr>
        <w:t>minor\f31584\fbidi \froman\fcharset178\fprq2 Times New Roman (Arabic){\*\falt Times New Roman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fbiminor\f31585\fbidi \froman\fcharset186\fprq2 Times New Roman Baltic{\*\falt Times New Roman};}{\fbiminor\f31586\fbidi \froman\fcharset163\fprq2 Times New</w:t>
      </w:r>
      <w:r w:rsidRPr="005A1F79">
        <w:rPr>
          <w:rFonts w:ascii="Courier New" w:hAnsi="Courier New" w:cs="Courier New"/>
        </w:rPr>
        <w:t xml:space="preserve"> Roman (Vietnamese){\*\falt Times New Roman};}}{\colortbl;\red0\green0\blue0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ed0\green0\blue255;\red0\green255\blue255;\red0\green255\blue0;\red255\green0\blue255;\red255\green0\blue0;\red255\green255\blue0;\red255\green255\blue255;\red0\green0\blue128</w:t>
      </w:r>
      <w:r w:rsidRPr="005A1F79">
        <w:rPr>
          <w:rFonts w:ascii="Courier New" w:hAnsi="Courier New" w:cs="Courier New"/>
        </w:rPr>
        <w:t>;\red0\green128\blue128;\red0\green128\blue0;\red128\green0\blue128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ed128\green0\blue0;\red128\green128\blue0;\red128\green128\blue128;\red192\green192\blue192;\red34\green34\blue34;}{\*\defchp \f39\fs22 }{\*\defpap \ql \li0\ri0\sa160\sl259\slmul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w</w:t>
      </w:r>
      <w:r w:rsidRPr="005A1F79">
        <w:rPr>
          <w:rFonts w:ascii="Courier New" w:hAnsi="Courier New" w:cs="Courier New"/>
        </w:rPr>
        <w:t xml:space="preserve">idctlpar\wrapdefault\aspalpha\aspnum\faauto\adjustright\rin0\lin0\itap0 }\noqfpromote {\upr{\stylesheet{\ql \li0\ri0\widctlpar\wrapdefault\aspalpha\aspnum\faauto\adjustright\rin0\lin0\itap0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0\lang1049\lang</w:t>
      </w:r>
      <w:r w:rsidRPr="005A1F79">
        <w:rPr>
          <w:rFonts w:ascii="Courier New" w:hAnsi="Courier New" w:cs="Courier New"/>
        </w:rPr>
        <w:t>fe1049\cgrid\langnp1049\langfenp1049 \snext0 \sqformat \spriority0 \styrsid14949409 Normal;}{\s1\qj \fi-432\li432\ri0\sb240\sa240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432\wrapdefault\aspalpha\aspnum\faauto\outlinelevel0\adjustright\rin0\lin432\itap0 \rtlch\fcs1 \af0\</w:t>
      </w:r>
      <w:r w:rsidRPr="005A1F79">
        <w:rPr>
          <w:rFonts w:ascii="Courier New" w:hAnsi="Courier New" w:cs="Courier New"/>
        </w:rPr>
        <w:t xml:space="preserve">afs23\alang1025 \ltrch\fcs0 \b\caps\f1\fs20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0 \slink15 \slocked \sqformat \styrsid538368 heading 1;}{\s2\ql \li0\ri0\keepn\widctlpar\wrapdefault\aspalpha\aspnum\faauto\outlinelevel1\adjus</w:t>
      </w:r>
      <w:r w:rsidRPr="005A1F79">
        <w:rPr>
          <w:rFonts w:ascii="Courier New" w:hAnsi="Courier New" w:cs="Courier New"/>
        </w:rPr>
        <w:t xml:space="preserve">tright\rin0\lin0\itap0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i\fs24\lang1049\langfe1049\cgrid\langnp1049\langfenp1049 \sbasedon0 \snext0 \slink16 \sqformat \styrsid14949409 heading 2;}{\s3\qc \li0\ri0\keepn\widctlpar\wrapdefault\aspalpha\aspnum</w:t>
      </w:r>
      <w:r w:rsidRPr="005A1F79">
        <w:rPr>
          <w:rFonts w:ascii="Courier New" w:hAnsi="Courier New" w:cs="Courier New"/>
        </w:rPr>
        <w:t xml:space="preserve">\faauto\outlinelevel2\adjustright\rin0\lin0\itap0 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0\alang1025 \ltrch\fcs0 \b\fs24\lang1049\langfe1049\cgrid\langnp1049\langfenp1049 \sbasedon0 \snext0 \slink17 \sqformat \styrsid14949409 heading 3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4\qj \li0\ri0\keepn\widctlpar\</w:t>
      </w:r>
      <w:r w:rsidRPr="005A1F79">
        <w:rPr>
          <w:rFonts w:ascii="Courier New" w:hAnsi="Courier New" w:cs="Courier New"/>
        </w:rPr>
        <w:t xml:space="preserve">wrapdefault\aspalpha\aspnum\faauto\outlinelevel3\adjustright\rin0\lin0\itap0 \rtlch\fcs1 \af0\afs20\alang1025 \ltrch\fcs0 \fs24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0 \slink18 \sqformat \styrsid14949409 heading 4;}{\s5\ql \l</w:t>
      </w:r>
      <w:r w:rsidRPr="005A1F79">
        <w:rPr>
          <w:rFonts w:ascii="Courier New" w:hAnsi="Courier New" w:cs="Courier New"/>
        </w:rPr>
        <w:t xml:space="preserve">i0\ri0\keepn\widctlpar\wrapdefault\aspalpha\aspnum\faauto\outlinelevel4\adjustright\rin0\lin0\itap0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i\fs20\lang1049\langfe1049\cgrid\langnp1049\langfenp1049 \sbasedon0 \snext0 \slink19 \sqformat \styrsid14949</w:t>
      </w:r>
      <w:r w:rsidRPr="005A1F79">
        <w:rPr>
          <w:rFonts w:ascii="Courier New" w:hAnsi="Courier New" w:cs="Courier New"/>
        </w:rPr>
        <w:t>409 heading 5;}{\s6\ql \fi-1152\li1152\ri0\sb240\sa60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1152\wrapdefault\aspalpha\aspnum\faauto\outlinelevel5\adjustright\rin0\lin1152\itap0 \rtlch\fcs1 \ab\af0\afs22\alang1025 \ltrch\fcs0 \b\fs22\lang1049\langfe1049\cgrid\langnp104</w:t>
      </w:r>
      <w:r w:rsidRPr="005A1F79">
        <w:rPr>
          <w:rFonts w:ascii="Courier New" w:hAnsi="Courier New" w:cs="Courier New"/>
        </w:rPr>
        <w:t xml:space="preserve">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0 \slink20 \slocked \sqformat \styrsid538368 heading 6;}{\s7\qc \fi-1296\li1296\ri0\keepn\nowidctlpar\jclisttab\tx1296\wrapdefault\aspalpha\aspnum\faauto\outlinelevel6\adjustright\rin0\lin1296\itap0 \rtlch\fcs1 \ab\af1\afs</w:t>
      </w:r>
      <w:r w:rsidRPr="005A1F79">
        <w:rPr>
          <w:rFonts w:ascii="Courier New" w:hAnsi="Courier New" w:cs="Courier New"/>
        </w:rPr>
        <w:t xml:space="preserve">24\alang102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1\fs20\lang1049\langfe1049\cgrid\langnp1049\langfenp1049 \sbasedon0 \snext0 \slink21 \slocked \sqformat \styrsid538368 heading 7;}{\s8\ql \fi-1440\li1440\ri0\sb240\sa60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1440\wrapdefault\aspalpha\aspn</w:t>
      </w:r>
      <w:r w:rsidRPr="005A1F79">
        <w:rPr>
          <w:rFonts w:ascii="Courier New" w:hAnsi="Courier New" w:cs="Courier New"/>
        </w:rPr>
        <w:t xml:space="preserve">um\faauto\outlinelevel7\adjustright\rin0\lin1440\itap0 \rtlch\fcs1 \ai\af0\afs24\alang1025 \ltrch\fcs0 \i\fs24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0 \slink22 \slocked \sqformat \styrsid538368 heading 8;}{\s9\ql \fi-1584\li1</w:t>
      </w:r>
      <w:r w:rsidRPr="005A1F79">
        <w:rPr>
          <w:rFonts w:ascii="Courier New" w:hAnsi="Courier New" w:cs="Courier New"/>
        </w:rPr>
        <w:t xml:space="preserve">584\ri0\sb240\sa60\nowidctlpar\jclisttab\tx1584\wrapdefault\aspalpha\aspnum\faauto\outlinelevel8\adjustright\rin0\lin1584\itap0 \rtlch\fcs1 \af1\afs22\alang102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1\fs22\lang1049\langfe1049\cgrid\langnp1049\langfenp1049 \sbasedon0 \snext0 \sl</w:t>
      </w:r>
      <w:r w:rsidRPr="005A1F79">
        <w:rPr>
          <w:rFonts w:ascii="Courier New" w:hAnsi="Courier New" w:cs="Courier New"/>
        </w:rPr>
        <w:t>ink23 \slocked \sqformat \styrsid538368 heading 9;}{\*\cs10 \additive \ssemihidden Default Paragraph Font;}{\*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s11\tsrowd\trftsWidthB3\trpaddl108\trpaddr108\trpaddfl3\trpaddft3\trpaddfb3\trpaddfr3\tblind0\tblindtype3\tsvertalt\tsbrdrt\tsbrdrl\tsbrdrb\ts</w:t>
      </w:r>
      <w:r w:rsidRPr="005A1F79">
        <w:rPr>
          <w:rFonts w:ascii="Courier New" w:hAnsi="Courier New" w:cs="Courier New"/>
        </w:rPr>
        <w:t>brdrr\tsbrdrdgl\tsbrdrdgr\tsbrdrh\tsbrdrv \ql \li0\ri0\sa160\sl259\slmul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widctlpar\wrapdefault\aspalpha\aspnum\faauto\adjustright\rin0\lin0\itap0 \rtlch\fcs1 \af39\afs22\alang1025 \ltrch\fcs0 \f39\fs22\lang1049\langfe1049\cgrid\langnp1049\langfenp1049 </w:t>
      </w:r>
      <w:r w:rsidRPr="005A1F79">
        <w:rPr>
          <w:rFonts w:ascii="Courier New" w:hAnsi="Courier New" w:cs="Courier New"/>
        </w:rPr>
        <w:t xml:space="preserve">\snext11 \ssemihidden \sunhideused Normal Table;}{\*\cs15 \additive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3 \ltrch\fcs0 \b\caps\f1\fs23 \sbasedon10 \slink1 \slocked \styrsid538368 \'c7\'e0\'e3\'ee\'eb\'ee\'e2\'ee\'ea 1 \'c7\'ed\'e0\'ea;}{\*\cs16 \additive \rtlch\fcs1 \af</w:t>
      </w:r>
      <w:r w:rsidRPr="005A1F79">
        <w:rPr>
          <w:rFonts w:ascii="Courier New" w:hAnsi="Courier New" w:cs="Courier New"/>
        </w:rPr>
        <w:t xml:space="preserve">0\afs2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b\i\f0\fs20\lang0\langfe1049\langnp0\langfenp1049 \sbasedon10 \slink2 \slocked \styrsid14949409 \'c7\'e0\'e3\'ee\'eb\'ee\'e2\'ee\'ea 2 \'c7\'ed\'e0\'ea;}{\*\cs17 \additive \rtlch\fcs1 \af0\afs2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f0\fs20\lang0\langfe1</w:t>
      </w:r>
      <w:r w:rsidRPr="005A1F79">
        <w:rPr>
          <w:rFonts w:ascii="Courier New" w:hAnsi="Courier New" w:cs="Courier New"/>
        </w:rPr>
        <w:t xml:space="preserve">049\langnp0\langfenp1049 \sbasedon10 \slink3 \slocked \styrsid14949409 \'c7\'e0\'e3\'ee\'eb\'ee\'e2\'ee\'ea 3 \'c7\'ed\'e0\'ea;}{\*\cs18 \additive \rtlch\fcs1 \af0\afs20 \ltrch\fcs0 \f0\fs20\lang0\langfe1049\langnp0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10 \slink4 \sloc</w:t>
      </w:r>
      <w:r w:rsidRPr="005A1F79">
        <w:rPr>
          <w:rFonts w:ascii="Courier New" w:hAnsi="Courier New" w:cs="Courier New"/>
        </w:rPr>
        <w:t xml:space="preserve">ked \styrsid14949409 \'c7\'e0\'e3\'ee\'eb\'ee\'e2\'ee\'ea 4 \'c7\'ed\'e0\'ea;}{\*\cs19 \additive \rtlch\fcs1 \af0\afs20 \ltrch\fcs0 \i\f0\fs20\lang0\langfe1049\langnp0\langfenp1049 \sbasedon10 \slink5 \slocked \styrsid1494940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7\'e0\'e3\'ee\'eb\'ee\'e</w:t>
      </w:r>
      <w:r w:rsidRPr="005A1F79">
        <w:rPr>
          <w:rFonts w:ascii="Courier New" w:hAnsi="Courier New" w:cs="Courier New"/>
        </w:rPr>
        <w:t xml:space="preserve">2\'ee\'ea 5 \'c7\'ed\'e0\'ea;}{\*\cs20 \additive \rtlch\fcs1 \ab\af0 \ltrch\fcs0 \b\f0 \sbasedon10 \slink6 \slocked \styrsid538368 \'c7\'e0\'e3\'ee\'eb\'ee\'e2\'ee\'ea 6 \'c7\'ed\'e0\'ea;}{\*\cs21 \additive 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b\af1\afs24 \ltrch\fcs0 \b\f1\fs2</w:t>
      </w:r>
      <w:r w:rsidRPr="005A1F79">
        <w:rPr>
          <w:rFonts w:ascii="Courier New" w:hAnsi="Courier New" w:cs="Courier New"/>
        </w:rPr>
        <w:t xml:space="preserve">4 \sbasedon10 \slink7 \slocked \styrsid538368 \'c7\'e0\'e3\'ee\'eb\'ee\'e2\'ee\'ea 7 \'c7\'ed\'e0\'ea;}{\*\cs22 \additive \rtlch\fcs1 \ai\af0\afs24 \ltrch\fcs0 \i\f0\fs24 \sbasedon10 \slink8 \slocked \sty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c7\'e0\'e3\'ee\'eb\'ee\'e2\'ee\'ea 8 </w:t>
      </w:r>
      <w:r w:rsidRPr="005A1F79">
        <w:rPr>
          <w:rFonts w:ascii="Courier New" w:hAnsi="Courier New" w:cs="Courier New"/>
        </w:rPr>
        <w:t>\'c7\'ed\'e0\'ea;}{\*\cs23 \additive \rtlch\fcs1 \af1 \ltrch\fcs0 \f1 \sbasedon10 \slink9 \slocked \styrsid538368 \'c7\'e0\'e3\'ee\'eb\'ee\'e2\'ee\'ea 9 \'c7\'ed\'e0\'ea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24\qj \li0\ri0\widctlpar\wrapdefault\aspalpha\aspnum\faauto\adjustright\rin0\lin</w:t>
      </w:r>
      <w:r w:rsidRPr="005A1F79">
        <w:rPr>
          <w:rFonts w:ascii="Courier New" w:hAnsi="Courier New" w:cs="Courier New"/>
        </w:rPr>
        <w:t>0\itap0 \rtlch\fcs1 \af0\afs20\alang1025 \ltrch\fcs0 \fs24\lang1049\langfe1049\cgrid\langnp1049\langfenp1049 \sbasedon0 \snext24 \slink25 \styrsid14949409 Body Text;}{\*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cs25 \additive \rtlch\fcs1 \af0\afs20 \ltrch\fcs0 \f0\fs20\lang0\langfe1049\langnp0\</w:t>
      </w:r>
      <w:r w:rsidRPr="005A1F79">
        <w:rPr>
          <w:rFonts w:ascii="Courier New" w:hAnsi="Courier New" w:cs="Courier New"/>
        </w:rPr>
        <w:t>langfenp1049 \sbasedon10 \slink24 \slocked \styrsid14949409 \'ce\'f1\'ed\'ee\'e2\'ed\'ee\'e9 \'f2\'e5\'ea\'f1\'f2 \'c7\'ed\'e0\'ea;}{\s26\ql \li0\ri0\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qc\tx4153\tqr\tx8306\wrapdefault\aspalpha\aspnum\faauto\adjustright\rin0\lin0\itap0 \rtlch\fc</w:t>
      </w:r>
      <w:r w:rsidRPr="005A1F79">
        <w:rPr>
          <w:rFonts w:ascii="Courier New" w:hAnsi="Courier New" w:cs="Courier New"/>
        </w:rPr>
        <w:t xml:space="preserve">s1 \af0\afs20\alang1025 \ltrch\fcs0 \fs20\lang1049\langfe1049\cgrid\langnp1049\langfenp1049 \sbasedon0 \snext26 \slink27 \styrsid1494940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footer,Ie?iee eieiioeooe Ciae,\'cd\'e8\'e6\'ed\'e8\'e9 \'ea\'ee\'eb\'ee\'ed\'f2\'e8\'f2oe Ciae;}{\*\cs27 \additive \</w:t>
      </w:r>
      <w:r w:rsidRPr="005A1F79">
        <w:rPr>
          <w:rFonts w:ascii="Courier New" w:hAnsi="Courier New" w:cs="Courier New"/>
        </w:rPr>
        <w:t xml:space="preserve">rtlch\fcs1 \af0\afs20 \ltrch\fcs0 \f0\fs20\lang0\langfe1049\langnp0\langfenp1049 \sbasedon10 \slink26 \slocked \styrsid1494940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d\'e8\'e6\'ed\'e8\'e9 \'ea\'ee\'eb\'ee\'ed\'f2\'e8\'f2\'f3\'eb \'c7\'ed\'e0\'ea,Ie?iee eieiioeooe Ciae \'c7\'ed\'e0\'ea,\'c</w:t>
      </w:r>
      <w:r w:rsidRPr="005A1F79">
        <w:rPr>
          <w:rFonts w:ascii="Courier New" w:hAnsi="Courier New" w:cs="Courier New"/>
        </w:rPr>
        <w:t>d\'e8\'e6\'ed\'e8\'e9 \'ea\'ee\'eb\'ee\'ed\'f2\'e8\'f2oe Ciae \'c7\'ed\'e0\'ea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28\qj \fi284\li0\ri0\widctlpar\wrapdefault\aspalpha\aspnum\faauto\adjustright\rin0\lin0\itap0 \rtlch\fcs1 \af0\afs20\alang1025 \ltrch\fcs0 \fs24\lang1049\langfe1049\cgrid\</w:t>
      </w:r>
      <w:r w:rsidRPr="005A1F79">
        <w:rPr>
          <w:rFonts w:ascii="Courier New" w:hAnsi="Courier New" w:cs="Courier New"/>
        </w:rPr>
        <w:t xml:space="preserve">langnp1049\langfenp1049 \sbasedon0 \snext28 \slink29 \styrsid1494940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Body Text Indent 2;}{\*\cs29 \additive \rtlch\fcs1 \af0\afs20 \ltrch\fcs0 \f0\fs20\lang0\langfe1049\langnp0\langfenp1049 \sbasedon10 \slink28 \slocked \styrsid1494940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f1\'ed\'</w:t>
      </w:r>
      <w:r w:rsidRPr="005A1F79">
        <w:rPr>
          <w:rFonts w:ascii="Courier New" w:hAnsi="Courier New" w:cs="Courier New"/>
        </w:rPr>
        <w:t xml:space="preserve">ee\'e2\'ed\'ee\'e9 \'f2\'e5\'ea\'f1\'f2 \'f1 \'ee\'f2\'f1\'f2\'f3\'ef\'ee\'ec 2 \'c7\'ed\'e0\'ea;}{\s30\ql \li0\ri0\widctlpar\wrapdefault\aspalpha\aspnum\faauto\adjustright\rin0\lin0\itap0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lang1049\langf</w:t>
      </w:r>
      <w:r w:rsidRPr="005A1F79">
        <w:rPr>
          <w:rFonts w:ascii="Courier New" w:hAnsi="Courier New" w:cs="Courier New"/>
        </w:rPr>
        <w:t xml:space="preserve">e1049\cgrid\langnp1049\langfenp1049 \sbasedon0 \snext30 \slink31 \styrsid14949409 Body Text 3;}{\*\cs31 \additive \rtlch\fcs1 \af0\afs20 \ltrch\fcs0 \f0\fs20\lang0\langfe1049\langnp0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10 \slink30 \slocked \styrsid14949409 \'ce\'f1\'e</w:t>
      </w:r>
      <w:r w:rsidRPr="005A1F79">
        <w:rPr>
          <w:rFonts w:ascii="Courier New" w:hAnsi="Courier New" w:cs="Courier New"/>
        </w:rPr>
        <w:t>d\'ee\'e2\'ed\'ee\'e9 \'f2\'e5\'ea\'f1\'f2 3 \'c7\'ed\'e0\'ea;}{\*\cs32 \additive \rtlch\fcs1 \af0 \ltrch\fcs0 \sbasedon10 \styrsid14949409 page number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33\ql \li720\ri0\widctlpar\wrapdefault\aspalpha\aspnum\faauto\adjustright\rin0\lin720\itap0\contex</w:t>
      </w:r>
      <w:r w:rsidRPr="005A1F79">
        <w:rPr>
          <w:rFonts w:ascii="Courier New" w:hAnsi="Courier New" w:cs="Courier New"/>
        </w:rPr>
        <w:t xml:space="preserve">tualspace \rtlch\fcs1 \af0\afs20\alang1025 \ltrch\fcs0 \fs20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33 \sqformat \styrsid8201731 List Paragraph;}{\s34\qj \li0\ri0\sa160\sl-240\slmult0\widctlpar\jclisttab\tx360\wrapdefault\aspa</w:t>
      </w:r>
      <w:r w:rsidRPr="005A1F79">
        <w:rPr>
          <w:rFonts w:ascii="Courier New" w:hAnsi="Courier New" w:cs="Courier New"/>
        </w:rPr>
        <w:t xml:space="preserve">lpha\aspnum\faauto\adjustright\rin0\lin0\itap0 \rtlch\fcs1 \af41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41\fs20\lang1033\langfe1033\cgrid\langnp1033\langfenp1033 \sbasedon0 \snext34 \spriority0 \styrsid14949409 \'c7\'ed\'e0\'ea1;}{\s35\ql \li0\ri0\widctlpar\wrapd</w:t>
      </w:r>
      <w:r w:rsidRPr="005A1F79">
        <w:rPr>
          <w:rFonts w:ascii="Courier New" w:hAnsi="Courier New" w:cs="Courier New"/>
        </w:rPr>
        <w:t xml:space="preserve">efault\aspalpha\aspnum\faauto\adjustright\rin0\lin0\itap0 \rtlch\fcs1 \af40\afs16\alang102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40\fs16\lang1049\langfe1049\cgrid\langnp1049\langfenp1049 \sbasedon0 \snext35 \slink36 \ssemihidden \styrsid14904161 Balloon Text;}{\*\cs36 \additiv</w:t>
      </w:r>
      <w:r w:rsidRPr="005A1F79">
        <w:rPr>
          <w:rFonts w:ascii="Courier New" w:hAnsi="Courier New" w:cs="Courier New"/>
        </w:rPr>
        <w:t xml:space="preserve">e \rtlch\fcs1 \af40\afs16 \ltrch\fcs0 \f40\fs16\lang0\langfe1049\langnp0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10 \slink35 \slocked \ssemihidden \styrsid14904161 \'d2\'e5\'ea\'f1\'f2 \'e2\'fb\'ed\'ee\'f1\'ea\'e8 \'c7\'ed\'e0\'ea;}{\s37\qj \fi-720\li720\ri0\sa160\sl-240\</w:t>
      </w:r>
      <w:r w:rsidRPr="005A1F79">
        <w:rPr>
          <w:rFonts w:ascii="Courier New" w:hAnsi="Courier New" w:cs="Courier New"/>
        </w:rPr>
        <w:t>slmult0\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720\wrapdefault\aspalpha\aspnum\faauto\ls3\adjustright\rin0\lin720\itap0 \rtlch\fcs1 \af41\afs20\alang1025 \ltrch\fcs0 \f41\fs20\lang1033\langfe1033\cgrid\langnp1033\langfenp1033 \sbasedon0 \snext37 \styrsid9839095 \'c7\'ed\</w:t>
      </w:r>
      <w:r w:rsidRPr="005A1F79">
        <w:rPr>
          <w:rFonts w:ascii="Courier New" w:hAnsi="Courier New" w:cs="Courier New"/>
        </w:rPr>
        <w:t>'e0\'ea11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s38\ql \li283\ri0\sa120\widctlpar\wrapdefault\aspalpha\aspnum\faauto\adjustright\rin0\lin283\itap0 \rtlch\fcs1 \af0\afs16\alang1025 \ltrch\fcs0 \fs16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38 \slink39 \ssemihidd</w:t>
      </w:r>
      <w:r w:rsidRPr="005A1F79">
        <w:rPr>
          <w:rFonts w:ascii="Courier New" w:hAnsi="Courier New" w:cs="Courier New"/>
        </w:rPr>
        <w:t xml:space="preserve">en \styrsid11037392 Body Text Indent 3;}{\*\cs39 \additive \rtlch\fcs1 \af0\afs16 \ltrch\fcs0 \f0\fs16\lang0\langfe1049\langnp0\langfenp1049 \sbasedon10 \slink38 \slocked \ssemihidden \styrsid1103739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f1\'ed\'ee\'e2\'ed\'ee\'e9 \'f2\'e5\'ea\'f1\'f2</w:t>
      </w:r>
      <w:r w:rsidRPr="005A1F79">
        <w:rPr>
          <w:rFonts w:ascii="Courier New" w:hAnsi="Courier New" w:cs="Courier New"/>
        </w:rPr>
        <w:t xml:space="preserve"> \'f1 \'ee\'f2\'f1\'f2\'f3\'ef\'ee\'ec 3 \'c7\'ed\'e0\'ea;}{\*\ts40\tsrowd\trbrdrt\brdrs\brdrw10 \trbrdrl\brdrs\brdrw10 \trbrdrb\brdrs\brdrw10 \trbrdrr\brdrs\brdrw10 \trbrdrh\brdrs\brdrw10 \trbrdrv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rdrs\brdrw10 \trftsWidthB3\trpaddl108\trpaddr108\trpadd</w:t>
      </w:r>
      <w:r w:rsidRPr="005A1F79">
        <w:rPr>
          <w:rFonts w:ascii="Courier New" w:hAnsi="Courier New" w:cs="Courier New"/>
        </w:rPr>
        <w:t xml:space="preserve">fl3\trpaddft3\trpaddfb3\trpaddfr3\tblind0\tblindtype3\tsvertalt\tsbrdrt\tsbrdrl\tsbrdrb\tsbrdrr\tsbrdrdgl\tsbrdrdgr\tsbrdrh\tsbrdrv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l \li0\ri0\widctlpar\wrapdefault\aspalpha\aspnum\faauto\adjustright\rin0\lin0\itap0 \rtlch\fcs1 \af0\afs20\alang1025 \lt</w:t>
      </w:r>
      <w:r w:rsidRPr="005A1F79">
        <w:rPr>
          <w:rFonts w:ascii="Courier New" w:hAnsi="Courier New" w:cs="Courier New"/>
        </w:rPr>
        <w:t>rch\fcs0 \f39\fs20\lang1049\langfe1049\cgrid\langnp1049\langfenp1049 \sbasedon11 \snext40 \slocked \styrsid9646988 Table Grid;}{\*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cs41 \additive \fs25\chshdng0\chcfpat0\chcbpat8 \slink42 \slocked \spriority0 \styrsid13195834 \'ce\'f1\'ed\'ee\'e2\'ed\'ee</w:t>
      </w:r>
      <w:r w:rsidRPr="005A1F79">
        <w:rPr>
          <w:rFonts w:ascii="Courier New" w:hAnsi="Courier New" w:cs="Courier New"/>
        </w:rPr>
        <w:t>\'e9 \'f2\'e5\'ea\'f1\'f2_;}{\s42\ql \fi-420\li0\ri0\sl-259\slmul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nowidctlpar\wrapdefault\aspalpha\aspnum\faauto\adjustright\rin0\lin0\itap0 \cbpat8 \rtlch\fcs1 \af39\afs25\alang1025 \ltrch\fcs0 \f39\fs25\lang1049\langfe1049\cgrid\langnp1049\langfenp10</w:t>
      </w:r>
      <w:r w:rsidRPr="005A1F79">
        <w:rPr>
          <w:rFonts w:ascii="Courier New" w:hAnsi="Courier New" w:cs="Courier New"/>
        </w:rPr>
        <w:t xml:space="preserve">49 \sbasedon0 \snext42 \slink41 \spriority0 \styrsid13195834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f1\'ed\'ee\'e2\'ed\'ee\'e9 \'f2\'e5\'ea\'f1\'f21;}{\s43\ql \li0\ri0\nowidctlpar\wrapdefault\aspalpha\aspnum\faauto\adjustright\rin0\lin0\itap0 \rtlch\fcs1 \af0\afs24\alang1025 \ltrch\fcs0</w:t>
      </w:r>
      <w:r w:rsidRPr="005A1F79">
        <w:rPr>
          <w:rFonts w:ascii="Courier New" w:hAnsi="Courier New" w:cs="Courier New"/>
        </w:rPr>
        <w:t xml:space="preserve"> \f1\fs20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next43 \slink58 \sqformat \spriority0 \styrsid14290051 \'ce\'e1\'fb\'f7\'ed\'fb\'e93;}{\s44\ql \li0\ri0\widctlpar\wrapdefault\aspalpha\aspnum\faauto\adjustright\rin0\lin0\itap0 \rtlch\fcs1 \af</w:t>
      </w:r>
      <w:r w:rsidRPr="005A1F79">
        <w:rPr>
          <w:rFonts w:ascii="Courier New" w:hAnsi="Courier New" w:cs="Courier New"/>
        </w:rPr>
        <w:t xml:space="preserve">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39\fs20\lang1049\langfe1033\cgrid\langnp1049\langfenp1033 \sbasedon0 \snext44 \slink45 \sunhideused \styrsid14290051 footnote text;}{\*\cs45 \additive \rtlch\fcs1 \af0\afs20 \ltrch\fcs0 \fs20\lang0\langfe1033\dbch\af0\lang</w:t>
      </w:r>
      <w:r w:rsidRPr="005A1F79">
        <w:rPr>
          <w:rFonts w:ascii="Courier New" w:hAnsi="Courier New" w:cs="Courier New"/>
        </w:rPr>
        <w:t xml:space="preserve">np0\langfenp103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10 \slink44 \slocked \styrsid14290051 \'d2\'e5\'ea\'f1\'f2 \'f1\'ed\'ee\'f1\'ea\'e8 \'c7\'ed\'e0\'ea;}{\*\cs46 \additive \rtlch\fcs1 \af0 \ltrch\fcs0 \super \sbasedon10 \sunhideused \styrsid14290051 footnote reference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47\q</w:t>
      </w:r>
      <w:r w:rsidRPr="005A1F79">
        <w:rPr>
          <w:rFonts w:ascii="Courier New" w:hAnsi="Courier New" w:cs="Courier New"/>
        </w:rPr>
        <w:t xml:space="preserve">l \li283\ri0\sa120\widctlpar\wrapdefault\aspalpha\aspnum\faauto\adjustright\rin0\lin283\itap0 \rtlch\fcs1 \af0\afs20\alang1025 \ltrch\fcs0 \fs20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47 \slink48 \ssemihidden \sunhideused \sty</w:t>
      </w:r>
      <w:r w:rsidRPr="005A1F79">
        <w:rPr>
          <w:rFonts w:ascii="Courier New" w:hAnsi="Courier New" w:cs="Courier New"/>
        </w:rPr>
        <w:t xml:space="preserve">rsid4735144 Body Text Indent;}{\*\cs48 \additive \rtlch\fcs1 \af0\afs20 \ltrch\fcs0 \f0\fs20 \sbasedon10 \slink47 \slocked \ssemihidden \styrsid4735144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f1\'ed\'ee\'e2\'ed\'ee\'e9 \'f2\'e5\'ea\'f1\'f2 \'f1 \'ee\'f2\'f1\'f2\'f3\'ef\'ee\'ec \'c7\'ed\'</w:t>
      </w:r>
      <w:r w:rsidRPr="005A1F79">
        <w:rPr>
          <w:rFonts w:ascii="Courier New" w:hAnsi="Courier New" w:cs="Courier New"/>
        </w:rPr>
        <w:t xml:space="preserve">e0\'ea;}{\s49\ql \li720\ri0\widctlpar\wrapdefault\aspalpha\aspnum\faauto\adjustright\rin0\lin720\itap0\contextualspace \rtlch\fcs1 \af0\afs20\alang102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0\lang1049\langfe1049\cgrid\langnp1049\langfenp1049 \sbasedon0 \snext49 \spriority0 \s</w:t>
      </w:r>
      <w:r w:rsidRPr="005A1F79">
        <w:rPr>
          <w:rFonts w:ascii="Courier New" w:hAnsi="Courier New" w:cs="Courier New"/>
        </w:rPr>
        <w:t>tyrsid4735144 \'c0\'e1\'e7\'e0\'f6 \'f1\'ef\'e8\'f1\'ea\'e01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50\ql \li720\ri0\widctlpar\wrapdefault\aspalpha\aspnum\faauto\adjustright\rin0\lin720\itap0\contextualspace \rtlch\fcs1 \af0\afs20\alang1025 \ltrch\fcs0 \fs20\lang1049\langfe1049\cgrid\lang</w:t>
      </w:r>
      <w:r w:rsidRPr="005A1F79">
        <w:rPr>
          <w:rFonts w:ascii="Courier New" w:hAnsi="Courier New" w:cs="Courier New"/>
        </w:rPr>
        <w:t xml:space="preserve">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50 \spriority0 \styrsid4735144 \'c0\'e1\'e7\'e0\'f6 \'f1\'ef\'e8\'f1\'ea\'e05;}{\s51\qj \li0\ri0\sb20\sa20\widctlpar\wrapdefault\aspalpha\aspnum\faauto\adjustright\rin0\lin0\itap0 \rtlch\fcs1 \af0\afs24\alang1025 \ltr</w:t>
      </w:r>
      <w:r w:rsidRPr="005A1F79">
        <w:rPr>
          <w:rFonts w:ascii="Courier New" w:hAnsi="Courier New" w:cs="Courier New"/>
        </w:rPr>
        <w:t xml:space="preserve">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1\fs20\lang1033\langfe1049\cgrid\langnp1033\langfenp1049 \sbasedon0 \snext51 \slink52 \styrsid7802865 \'c2\'d2\'c1_\'c4\'ee\'eb\'e6\'ed\'ee\'f1\'f2\'fc;}{\*\cs52 \additive \f1\fs24\lang1033\langfe0\langnp1033\langfenp0 \slink51 \slocked \styrsi</w:t>
      </w:r>
      <w:r w:rsidRPr="005A1F79">
        <w:rPr>
          <w:rFonts w:ascii="Courier New" w:hAnsi="Courier New" w:cs="Courier New"/>
        </w:rPr>
        <w:t xml:space="preserve">d780286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c2\'d2\'c1_\'c4\'ee\'eb\'e6\'ed\'ee\'f1\'f2\'fc \'c7\'ed\'e0\'ea;}{\*\cs53 \additive \rtlch\fcs1 \af0 \ltrch\fcs0 \ul\cf2 \sbasedon10 \styrsid14644816 Hyperlink;}{\s54\ql \li0\ri0\widctlpar\wrapdefault\faauto\rin0\lin0\itap0 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1</w:t>
      </w:r>
      <w:r w:rsidRPr="005A1F79">
        <w:rPr>
          <w:rFonts w:ascii="Courier New" w:hAnsi="Courier New" w:cs="Courier New"/>
        </w:rPr>
        <w:t>\afs24\alang1025 \ltrch\fcs0 \f1\fs24\cf1\lang1049\langfe1049\cgrid\langnp1049\langfenp1049 \snext54 \styrsid8201731 Default;}{\*\cs55 \additive \f1\fs20 \styrsid2646131 Font Style14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56\ql \li0\ri0\widctlpar\wrapdefault\aspalpha\aspnum\faauto\adjustr</w:t>
      </w:r>
      <w:r w:rsidRPr="005A1F79">
        <w:rPr>
          <w:rFonts w:ascii="Courier New" w:hAnsi="Courier New" w:cs="Courier New"/>
        </w:rPr>
        <w:t xml:space="preserve">ight\rin0\lin0\itap0 \rtlch\fcs1 \af0\afs20\alang1025 \ltrch\fcs0 \fs20\lang1049\langfe1049\cgrid\langnp1049\langfenp1049 \sbasedon0 \snext56 \slink57 \sunhideused \styrsid894449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annotation text;}{\*\cs57 \additive \rtlch\fcs1 \af0\afs20 \ltrch\fcs0 \f0</w:t>
      </w:r>
      <w:r w:rsidRPr="005A1F79">
        <w:rPr>
          <w:rFonts w:ascii="Courier New" w:hAnsi="Courier New" w:cs="Courier New"/>
        </w:rPr>
        <w:t xml:space="preserve">\fs20 \sbasedon10 \slink56 \slocked \styrsid8944490 \'d2\'e5\'ea\'f1\'f2 \'ef\'f0\'e8\'ec\'e5\'f7\'e0\'ed\'e8\'ff \'c7\'ed\'e0\'ea;}{\*\cs58 \additive \f1\fs24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link43 \slocked \spriority0 \styrsid15425952 \'ce\'e1\'fb\'f7\'ed\'fb\'e93 \'c7\'ed\'e0\'ea;</w:t>
      </w:r>
      <w:r w:rsidRPr="005A1F79">
        <w:rPr>
          <w:rFonts w:ascii="Courier New" w:hAnsi="Courier New" w:cs="Courier New"/>
        </w:rPr>
        <w:t xml:space="preserve">}{\s59\ql \li0\ri0\widctlpar\wrapdefault\aspalpha\aspnum\faauto\adjustright\rin0\lin0\itap0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39\fs20\lang1049\langfe1049\cgrid\langnp1049\langfenp1049 \snext59 \slink61 \sqformat \spriority0 \styrsid8990346 N</w:t>
      </w:r>
      <w:r w:rsidRPr="005A1F79">
        <w:rPr>
          <w:rFonts w:ascii="Courier New" w:hAnsi="Courier New" w:cs="Courier New"/>
        </w:rPr>
        <w:t xml:space="preserve">ormal_0;}{\s60\ql \li0\ri0\nowidctlpar\wrapdefault\aspalpha\aspnum\faauto\adjustright\rin0\lin0\itap0 \rtlch\fcs1 \af0\afs24\alang102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1\fs20\lang1049\langfe1049\cgrid\langnp1049\langfenp1049 \snext60 \sqformat \spriority0 \styrsid8990346 \</w:t>
      </w:r>
      <w:r w:rsidRPr="005A1F79">
        <w:rPr>
          <w:rFonts w:ascii="Courier New" w:hAnsi="Courier New" w:cs="Courier New"/>
        </w:rPr>
        <w:t>'ce\'e1\'fb\'f7\'ed\'fb\'e96;}{\*\cs61 \additive \fs20\dbch\af0 \slink59 \slocked \spriority0 \styrsid8990346 Normal \'c7\'ed\'e0\'ea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s62\ql \li0\ri0\sb100\sa100\sbauto1\saauto1\widctlpar\wrapdefault\aspalpha\aspnum\faauto\adjustright\rin0\lin0\itap0 </w:t>
      </w:r>
      <w:r w:rsidRPr="005A1F79">
        <w:rPr>
          <w:rFonts w:ascii="Courier New" w:hAnsi="Courier New" w:cs="Courier New"/>
        </w:rPr>
        <w:t xml:space="preserve">\rtlch\fcs1 \af0\afs24\alang1025 \ltrch\fcs0 \fs24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62 \spriority0 \styrsid1261250 gmail-3;}}{\*\ud\uc0{\stylesheet{\ql \li0\ri0\widctlpar\wrapdefault\aspalpha\aspnum\faauto\adjustright\ri</w:t>
      </w:r>
      <w:r w:rsidRPr="005A1F79">
        <w:rPr>
          <w:rFonts w:ascii="Courier New" w:hAnsi="Courier New" w:cs="Courier New"/>
        </w:rPr>
        <w:t xml:space="preserve">n0\lin0\itap0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0\lang1049\langfe1049\cgrid\langnp1049\langfenp1049 \snext0 \sqformat \spriority0 \styrsid14949409 Normal;}{\s1\qj \fi-432\li432\ri0\sb240\sa240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432\wrapdefault\aspa</w:t>
      </w:r>
      <w:r w:rsidRPr="005A1F79">
        <w:rPr>
          <w:rFonts w:ascii="Courier New" w:hAnsi="Courier New" w:cs="Courier New"/>
        </w:rPr>
        <w:t xml:space="preserve">lpha\aspnum\faauto\outlinelevel0\adjustright\rin0\lin432\itap0 \rtlch\fcs1 \af0\afs23\alang1025 \ltrch\fcs0 \b\caps\f1\fs20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0 \slink15 \slocked \sqformat \styrsid538368 heading 1;}{\s2\ql</w:t>
      </w:r>
      <w:r w:rsidRPr="005A1F79">
        <w:rPr>
          <w:rFonts w:ascii="Courier New" w:hAnsi="Courier New" w:cs="Courier New"/>
        </w:rPr>
        <w:t xml:space="preserve"> \li0\ri0\keepn\widctlpar\wrapdefault\aspalpha\aspnum\faauto\outlinelevel1\adjustright\rin0\lin0\itap0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i\fs24\lang1049\langfe1049\cgrid\langnp1049\langfenp1049 \sbasedon0 \snext0 \slink16 \sqformat \styrsid</w:t>
      </w:r>
      <w:r w:rsidRPr="005A1F79">
        <w:rPr>
          <w:rFonts w:ascii="Courier New" w:hAnsi="Courier New" w:cs="Courier New"/>
        </w:rPr>
        <w:t xml:space="preserve">14949409 heading 2;}{\s3\qc \li0\ri0\keepn\widctlpar\wrapdefault\aspalpha\aspnum\faauto\outlinelevel2\adjustright\rin0\lin0\itap0 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0\alang1025 \ltrch\fcs0 \b\fs24\lang1049\langfe1049\cgrid\langnp1049\langfenp1049 \sbasedon0 \snext0 \s</w:t>
      </w:r>
      <w:r w:rsidRPr="005A1F79">
        <w:rPr>
          <w:rFonts w:ascii="Courier New" w:hAnsi="Courier New" w:cs="Courier New"/>
        </w:rPr>
        <w:t>link17 \sqformat \styrsid14949409 heading 3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4\qj \li0\ri0\keepn\widctlpar\wrapdefault\aspalpha\aspnum\faauto\outlinelevel3\adjustright\rin0\lin0\itap0 \rtlch\fcs1 \af0\afs20\alang1025 \ltrch\fcs0 \fs24\lang1049\langfe1049\cgrid\langnp1049\langfenp104</w:t>
      </w:r>
      <w:r w:rsidRPr="005A1F79">
        <w:rPr>
          <w:rFonts w:ascii="Courier New" w:hAnsi="Courier New" w:cs="Courier New"/>
        </w:rPr>
        <w:t xml:space="preserve">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sbasedon0 \snext0 \slink18 \sqformat \styrsid14949409 heading 4;}{\s5\ql \li0\ri0\keepn\widctlpar\wrapdefault\aspalpha\aspnum\faauto\outlinelevel4\adjustright\rin0\lin0\itap0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i\fs20\lang1049\langfe1049\c</w:t>
      </w:r>
      <w:r w:rsidRPr="005A1F79">
        <w:rPr>
          <w:rFonts w:ascii="Courier New" w:hAnsi="Courier New" w:cs="Courier New"/>
        </w:rPr>
        <w:t>grid\langnp1049\langfenp1049 \sbasedon0 \snext0 \slink19 \sqformat \styrsid14949409 heading 5;}{\s6\ql \fi-1152\li1152\ri0\sb240\sa60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1152\wrapdefault\aspalpha\aspnum\faauto\outlinelevel5\adjustright\rin0\lin1152\itap0 \rtlch\fcs1</w:t>
      </w:r>
      <w:r w:rsidRPr="005A1F79">
        <w:rPr>
          <w:rFonts w:ascii="Courier New" w:hAnsi="Courier New" w:cs="Courier New"/>
        </w:rPr>
        <w:t xml:space="preserve"> \ab\af0\afs22\alang1025 \ltrch\fcs0 \b\fs22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0 \slink20 \slocked \sqformat \styrsid538368 heading 6;}{\s7\qc \fi-1296\li1296\ri0\keepn\nowidctlpar\jclisttab\tx1296\wrapdefault\aspalpha\as</w:t>
      </w:r>
      <w:r w:rsidRPr="005A1F79">
        <w:rPr>
          <w:rFonts w:ascii="Courier New" w:hAnsi="Courier New" w:cs="Courier New"/>
        </w:rPr>
        <w:t xml:space="preserve">pnum\faauto\outlinelevel6\adjustright\rin0\lin1296\itap0 \rtlch\fcs1 \ab\af1\afs24\alang102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1\fs20\lang1049\langfe1049\cgrid\langnp1049\langfenp1049 \sbasedon0 \snext0 \slink21 \slocked \sqformat \styrsid538368 heading 7;}{\s8\ql \fi-144</w:t>
      </w:r>
      <w:r w:rsidRPr="005A1F79">
        <w:rPr>
          <w:rFonts w:ascii="Courier New" w:hAnsi="Courier New" w:cs="Courier New"/>
        </w:rPr>
        <w:t>0\li1440\ri0\sb240\sa60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jclisttab\tx1440\wrapdefault\aspalpha\aspnum\faauto\outlinelevel7\adjustright\rin0\lin1440\itap0 \rtlch\fcs1 \ai\af0\afs24\alang1025 \ltrch\fcs0 \i\fs24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</w:t>
      </w:r>
      <w:r w:rsidRPr="005A1F79">
        <w:rPr>
          <w:rFonts w:ascii="Courier New" w:hAnsi="Courier New" w:cs="Courier New"/>
        </w:rPr>
        <w:t xml:space="preserve">next0 \slink22 \slocked \sqformat \styrsid538368 heading 8;}{\s9\ql \fi-1584\li1584\ri0\sb240\sa60\nowidctlpar\jclisttab\tx1584\wrapdefault\aspalpha\aspnum\faauto\outlinelevel8\adjustright\rin0\lin1584\itap0 \rtlch\fcs1 \af1\afs22\alang102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</w:t>
      </w:r>
      <w:r w:rsidRPr="005A1F79">
        <w:rPr>
          <w:rFonts w:ascii="Courier New" w:hAnsi="Courier New" w:cs="Courier New"/>
        </w:rPr>
        <w:t>f1\fs22\lang1049\langfe1049\cgrid\langnp1049\langfenp1049 \sbasedon0 \snext0 \slink23 \slocked \sqformat \styrsid538368 heading 9;}{\*\cs10 \additive \ssemihidden Default Paragraph Font;}{\*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s11\tsrowd\trftsWidthB3\trpaddl108\trpaddr108\trpaddfl3\trpadd</w:t>
      </w:r>
      <w:r w:rsidRPr="005A1F79">
        <w:rPr>
          <w:rFonts w:ascii="Courier New" w:hAnsi="Courier New" w:cs="Courier New"/>
        </w:rPr>
        <w:t>ft3\trpaddfb3\trpaddfr3\tblind0\tblindtype3\tsvertalt\tsbrdrt\tsbrdrl\tsbrdrb\tsbrdrr\tsbrdrdgl\tsbrdrdgr\tsbrdrh\tsbrdrv \ql \li0\ri0\sa160\sl259\slmul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widctlpar\wrapdefault\aspalpha\aspnum\faauto\adjustright\rin0\lin0\itap0 \rtlch\fcs1 \af39\afs22\al</w:t>
      </w:r>
      <w:r w:rsidRPr="005A1F79">
        <w:rPr>
          <w:rFonts w:ascii="Courier New" w:hAnsi="Courier New" w:cs="Courier New"/>
        </w:rPr>
        <w:t xml:space="preserve">ang1025 \ltrch\fcs0 \f39\fs22\lang1049\langfe1049\cgrid\langnp1049\langfenp1049 \snext11 \ssemihidden \sunhideused Normal Table;}{\*\cs15 \additive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3 \ltrch\fcs0 \b\caps\f1\fs23 \sbasedon10 \slink1 \slocked \styrsid538368 \'c7\'e0\'e</w:t>
      </w:r>
      <w:r w:rsidRPr="005A1F79">
        <w:rPr>
          <w:rFonts w:ascii="Courier New" w:hAnsi="Courier New" w:cs="Courier New"/>
        </w:rPr>
        <w:t xml:space="preserve">3\'ee\'eb\'ee\'e2\'ee\'ea 1 \'c7\'ed\'e0\'ea;}{\*\cs16 \additive \rtlch\fcs1 \af0\afs2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i\f0\fs20\lang0\langfe1049\langnp0\langfenp1049 \sbasedon10 \slink2 \slocked \styrsid14949409 \'c7\'e0\'e3\'ee\'eb\'ee\'e2\'ee\'ea 2 \'c7\'ed\'e0\'ea;}</w:t>
      </w:r>
      <w:r w:rsidRPr="005A1F79">
        <w:rPr>
          <w:rFonts w:ascii="Courier New" w:hAnsi="Courier New" w:cs="Courier New"/>
        </w:rPr>
        <w:t xml:space="preserve">{\*\cs17 \additive \rtlch\fcs1 \af0\afs2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f0\fs20\lang0\langfe1049\langnp0\langfenp1049 \sbasedon10 \slink3 \slocked \styrsid14949409 \'c7\'e0\'e3\'ee\'eb\'ee\'e2\'ee\'ea 3 \'c7\'ed\'e0\'ea;}{\*\cs18 \additive \rtlch\fcs1 \af0\afs20 \ltrch</w:t>
      </w:r>
      <w:r w:rsidRPr="005A1F79">
        <w:rPr>
          <w:rFonts w:ascii="Courier New" w:hAnsi="Courier New" w:cs="Courier New"/>
        </w:rPr>
        <w:t xml:space="preserve">\fcs0 \f0\fs20\lang0\langfe1049\langnp0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10 \slink4 \slocked \styrsid14949409 \'c7\'e0\'e3\'ee\'eb\'ee\'e2\'ee\'ea 4 \'c7\'ed\'e0\'ea;}{\*\cs19 \additive \rtlch\fcs1 \af0\afs20 \ltrch\fcs0 \i\f0\fs20\lang0\langfe1049\langnp0\langfenp</w:t>
      </w:r>
      <w:r w:rsidRPr="005A1F79">
        <w:rPr>
          <w:rFonts w:ascii="Courier New" w:hAnsi="Courier New" w:cs="Courier New"/>
        </w:rPr>
        <w:t xml:space="preserve">1049 \sbasedon10 \slink5 \slocked \styrsid1494940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7\'e0\'e3\'ee\'eb\'ee\'e2\'ee\'ea 5 \'c7\'ed\'e0\'ea;}{\*\cs20 \additive \rtlch\fcs1 \ab\af0 \ltrch\fcs0 \b\f0 \sbasedon10 \slink6 \slocked \styrsid538368 \'c7\'e0\'e3\'ee\'eb\'ee\'e2\'ee\'ea 6 \'c7\'</w:t>
      </w:r>
      <w:r w:rsidRPr="005A1F79">
        <w:rPr>
          <w:rFonts w:ascii="Courier New" w:hAnsi="Courier New" w:cs="Courier New"/>
        </w:rPr>
        <w:t xml:space="preserve">ed\'e0\'ea;}{\*\cs21 \additive 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b\af1\afs24 \ltrch\fcs0 \b\f1\fs24 \sbasedon10 \slink7 \slocked \styrsid538368 \'c7\'e0\'e3\'ee\'eb\'ee\'e2\'ee\'ea 7 \'c7\'ed\'e0\'ea;}{\*\cs22 \additive \rtlch\fcs1 \ai\af0\afs24 \ltrch\fcs0 \i\f0\fs24 \sbas</w:t>
      </w:r>
      <w:r w:rsidRPr="005A1F79">
        <w:rPr>
          <w:rFonts w:ascii="Courier New" w:hAnsi="Courier New" w:cs="Courier New"/>
        </w:rPr>
        <w:t xml:space="preserve">edon10 \slink8 \slocked \sty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7\'e0\'e3\'ee\'eb\'ee\'e2\'ee\'ea 8 \'c7\'ed\'e0\'ea;}{\*\cs23 \additive \rtlch\fcs1 \af1 \ltrch\fcs0 \f1 \sbasedon10 \slink9 \slocked \styrsid538368 \'c7\'e0\'e3\'ee\'eb\'ee\'e2\'ee\'ea 9 \'c7\'ed\'e0\'ea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</w:t>
      </w:r>
      <w:r w:rsidRPr="005A1F79">
        <w:rPr>
          <w:rFonts w:ascii="Courier New" w:hAnsi="Courier New" w:cs="Courier New"/>
        </w:rPr>
        <w:t>24\qj \li0\ri0\widctlpar\wrapdefault\aspalpha\aspnum\faauto\adjustright\rin0\lin0\itap0 \rtlch\fcs1 \af0\afs20\alang1025 \ltrch\fcs0 \fs24\lang1049\langfe1049\cgrid\langnp1049\langfenp1049 \sbasedon0 \snext24 \slink25 \styrsid14949409 Body Text;}{\*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cs25</w:t>
      </w:r>
      <w:r w:rsidRPr="005A1F79">
        <w:rPr>
          <w:rFonts w:ascii="Courier New" w:hAnsi="Courier New" w:cs="Courier New"/>
        </w:rPr>
        <w:t xml:space="preserve"> \additive \rtlch\fcs1 \af0\afs20 \ltrch\fcs0 \f0\fs20\lang0\langfe1049\langnp0\langfenp1049 \sbasedon10 \slink24 \slocked \styrsid14949409 \'ce\'f1\'ed\'ee\'e2\'ed\'ee\'e9 \'f2\'e5\'ea\'f1\'f2 \'c7\'ed\'e0\'ea;}{\s26\ql \li0\ri0\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qc\tx4153\tqr</w:t>
      </w:r>
      <w:r w:rsidRPr="005A1F79">
        <w:rPr>
          <w:rFonts w:ascii="Courier New" w:hAnsi="Courier New" w:cs="Courier New"/>
        </w:rPr>
        <w:t xml:space="preserve">\tx8306\wrapdefault\aspalpha\aspnum\faauto\adjustright\rin0\lin0\itap0 \rtlch\fcs1 \af0\afs20\alang1025 \ltrch\fcs0 \fs20\lang1049\langfe1049\cgrid\langnp1049\langfenp1049 \sbasedon0 \snext26 \slink27 \styrsid1494940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footer,{\uc1\u205 I\u232 e\u230 ?\u2</w:t>
      </w:r>
      <w:r w:rsidRPr="005A1F79">
        <w:rPr>
          <w:rFonts w:ascii="Courier New" w:hAnsi="Courier New" w:cs="Courier New"/>
        </w:rPr>
        <w:t>37 i\u232 e\u233 e \u234 e\u238 i\u235 e\u238 i\u237 i\u242 o\u232 e\u242 o\u243 o\u235 e \u199 C\u237 i\u224 a\u234 e,\'cd\'e8\'e6\'ed\'e8\'e9 \'ea\'ee\'eb\'ee\'ed\'f2\'e8\'f2\u243 o\u235 e \u199 C\u237 i\u224 a\u234 e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*\cs27 \additive \rtlch\fcs1 \</w:t>
      </w:r>
      <w:r w:rsidRPr="005A1F79">
        <w:rPr>
          <w:rFonts w:ascii="Courier New" w:hAnsi="Courier New" w:cs="Courier New"/>
        </w:rPr>
        <w:t xml:space="preserve">af0\afs20 \ltrch\fcs0 \f0\fs20\lang0\langfe1049\langnp0\langfenp1049 \sbasedon10 \slink26 \slocked \styrsid1494940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d\'e8\'e6\'ed\'e8\'e9 \'ea\'ee\'eb\'ee\'ed\'f2\'e8\'f2\'f3\'eb \'c7\'ed\'e0\'ea,{\uc1\u205 I\u232 e\u230 ?\u237 i\u232 e\u233 e \u234 e</w:t>
      </w:r>
      <w:r w:rsidRPr="005A1F79">
        <w:rPr>
          <w:rFonts w:ascii="Courier New" w:hAnsi="Courier New" w:cs="Courier New"/>
        </w:rPr>
        <w:t>\u238 i\u235 e\u238 i\u237 i\u242 o\u232 e\u242 o\u243 o\u235 e \u199 C\u237 i\u224 a\u234 e \'c7\'ed\'e0\'ea,\'cd\'e8\'e6\'ed\'e8\'e9 \'ea\'ee\'eb\'ee\'ed\'f2\'e8\'f2\u243 o\u235 e \u199 C\u237 i\u224 a\u234 e \'c7\'ed\'e0\'ea}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s28\qj \fi284\li0\ri0\</w:t>
      </w:r>
      <w:r w:rsidRPr="005A1F79">
        <w:rPr>
          <w:rFonts w:ascii="Courier New" w:hAnsi="Courier New" w:cs="Courier New"/>
        </w:rPr>
        <w:t xml:space="preserve">widctlpar\wrapdefault\aspalpha\aspnum\faauto\adjustright\rin0\lin0\itap0 \rtlch\fcs1 \af0\afs20\alang1025 \ltrch\fcs0 \fs24\lang1049\langfe1049\cgrid\langnp1049\langfenp1049 \sbasedon0 \snext28 \slink29 \styrsid1494940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Body Text Indent 2;}{\*\cs29 \addi</w:t>
      </w:r>
      <w:r w:rsidRPr="005A1F79">
        <w:rPr>
          <w:rFonts w:ascii="Courier New" w:hAnsi="Courier New" w:cs="Courier New"/>
        </w:rPr>
        <w:t xml:space="preserve">tive \rtlch\fcs1 \af0\afs20 \ltrch\fcs0 \f0\fs20\lang0\langfe1049\langnp0\langfenp1049 \sbasedon10 \slink28 \slocked \styrsid1494940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f1\'ed\'ee\'e2\'ed\'ee\'e9 \'f2\'e5\'ea\'f1\'f2 \'f1 \'ee\'f2\'f1\'f2\'f3\'ef\'ee\'ec 2 \'c7\'ed\'e0\'ea;}{\s30\ql</w:t>
      </w:r>
      <w:r w:rsidRPr="005A1F79">
        <w:rPr>
          <w:rFonts w:ascii="Courier New" w:hAnsi="Courier New" w:cs="Courier New"/>
        </w:rPr>
        <w:t xml:space="preserve"> \li0\ri0\widctlpar\wrapdefault\aspalpha\aspnum\faauto\adjustright\rin0\lin0\itap0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lang1049\langfe1049\cgrid\langnp1049\langfenp1049 \sbasedon0 \snext30 \slink31 \styrsid14949409 Body Text 3;}{\*\cs31 \a</w:t>
      </w:r>
      <w:r w:rsidRPr="005A1F79">
        <w:rPr>
          <w:rFonts w:ascii="Courier New" w:hAnsi="Courier New" w:cs="Courier New"/>
        </w:rPr>
        <w:t xml:space="preserve">dditive \rtlch\fcs1 \af0\afs20 \ltrch\fcs0 \f0\fs20\lang0\langfe1049\langnp0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10 \slink30 \slocked \styrsid14949409 \'ce\'f1\'ed\'ee\'e2\'ed\'ee\'e9 \'f2\'e5\'ea\'f1\'f2 3 \'c7\'ed\'e0\'ea;}{\*\cs32 \additive \rtlch\fcs1 \af0 \ltrch\</w:t>
      </w:r>
      <w:r w:rsidRPr="005A1F79">
        <w:rPr>
          <w:rFonts w:ascii="Courier New" w:hAnsi="Courier New" w:cs="Courier New"/>
        </w:rPr>
        <w:t>fcs0 \sbasedon10 \styrsid14949409 page number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33\ql \li720\ri0\widctlpar\wrapdefault\aspalpha\aspnum\faauto\adjustright\rin0\lin720\itap0\contextualspace \rtlch\fcs1 \af0\afs20\alang1025 \ltrch\fcs0 \fs20\lang1049\langfe1049\cgrid\langnp1049\langfenp</w:t>
      </w:r>
      <w:r w:rsidRPr="005A1F79">
        <w:rPr>
          <w:rFonts w:ascii="Courier New" w:hAnsi="Courier New" w:cs="Courier New"/>
        </w:rPr>
        <w:t xml:space="preserve">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sbasedon0 \snext33 \sqformat \styrsid8201731 List Paragraph;}{\s34\qj \li0\ri0\sa160\sl-240\slmult0\widctlpar\jclisttab\tx360\wrapdefault\aspalpha\aspnum\faauto\adjustright\rin0\lin0\itap0 \rtlch\fcs1 \af41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41\fs20\l</w:t>
      </w:r>
      <w:r w:rsidRPr="005A1F79">
        <w:rPr>
          <w:rFonts w:ascii="Courier New" w:hAnsi="Courier New" w:cs="Courier New"/>
        </w:rPr>
        <w:t xml:space="preserve">ang1033\langfe1033\cgrid\langnp1033\langfenp1033 \sbasedon0 \snext34 \spriority0 \styrsid14949409 \'c7\'ed\'e0\'ea1;}{\s35\ql \li0\ri0\widctlpar\wrapdefault\aspalpha\aspnum\faauto\adjustright\rin0\lin0\itap0 \rtlch\fcs1 \af40\afs16\alang102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</w:t>
      </w:r>
      <w:r w:rsidRPr="005A1F79">
        <w:rPr>
          <w:rFonts w:ascii="Courier New" w:hAnsi="Courier New" w:cs="Courier New"/>
        </w:rPr>
        <w:t xml:space="preserve">\f40\fs16\lang1049\langfe1049\cgrid\langnp1049\langfenp1049 \sbasedon0 \snext35 \slink36 \ssemihidden \styrsid14904161 Balloon Text;}{\*\cs36 \additive \rtlch\fcs1 \af40\afs16 \ltrch\fcs0 \f40\fs16\lang0\langfe1049\langnp0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10 \slink</w:t>
      </w:r>
      <w:r w:rsidRPr="005A1F79">
        <w:rPr>
          <w:rFonts w:ascii="Courier New" w:hAnsi="Courier New" w:cs="Courier New"/>
        </w:rPr>
        <w:t>35 \slocked \ssemihidden \styrsid14904161 \'d2\'e5\'ea\'f1\'f2 \'e2\'fb\'ed\'ee\'f1\'ea\'e8 \'c7\'ed\'e0\'ea;}{\s37\qj \fi-720\li720\ri0\sa160\sl-240\slmult0\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720\wrapdefault\aspalpha\aspnum\faauto\ls3\adjustright\rin0\lin720\itap0 \</w:t>
      </w:r>
      <w:r w:rsidRPr="005A1F79">
        <w:rPr>
          <w:rFonts w:ascii="Courier New" w:hAnsi="Courier New" w:cs="Courier New"/>
        </w:rPr>
        <w:t>rtlch\fcs1 \af41\afs20\alang1025 \ltrch\fcs0 \f41\fs20\lang1033\langfe1033\cgrid\langnp1033\langfenp1033 \sbasedon0 \snext37 \styrsid9839095 \'c7\'ed\'e0\'ea11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38\ql \li283\ri0\sa120\widctlpar\wrapdefault\aspalpha\aspnum\faauto\adjustright\rin0\lin28</w:t>
      </w:r>
      <w:r w:rsidRPr="005A1F79">
        <w:rPr>
          <w:rFonts w:ascii="Courier New" w:hAnsi="Courier New" w:cs="Courier New"/>
        </w:rPr>
        <w:t xml:space="preserve">3\itap0 \rtlch\fcs1 \af0\afs16\alang1025 \ltrch\fcs0 \fs16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38 \slink39 \ssemihidden \styrsid11037392 Body Text Indent 3;}{\*\cs39 \additive \rtlch\fcs1 \af0\afs16 \ltrch\fcs0 \f0\fs16\lan</w:t>
      </w:r>
      <w:r w:rsidRPr="005A1F79">
        <w:rPr>
          <w:rFonts w:ascii="Courier New" w:hAnsi="Courier New" w:cs="Courier New"/>
        </w:rPr>
        <w:t xml:space="preserve">g0\langfe1049\langnp0\langfenp1049 \sbasedon10 \slink38 \slocked \ssemihidden \styrsid1103739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f1\'ed\'ee\'e2\'ed\'ee\'e9 \'f2\'e5\'ea\'f1\'f2 \'f1 \'ee\'f2\'f1\'f2\'f3\'ef\'ee\'ec 3 \'c7\'ed\'e0\'ea;}{\*\ts40\tsrowd\trbrdrt\brdrs\brdrw10 \trbrdrl\</w:t>
      </w:r>
      <w:r w:rsidRPr="005A1F79">
        <w:rPr>
          <w:rFonts w:ascii="Courier New" w:hAnsi="Courier New" w:cs="Courier New"/>
        </w:rPr>
        <w:t>brdrs\brdrw10 \trbrdrb\brdrs\brdrw10 \trbrdrr\brdrs\brdrw10 \trbrdrh\brdrs\brdrw10 \trbrdrv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rdrs\brdrw10 \trftsWidthB3\trpaddl108\trpaddr108\trpaddfl3\trpaddft3\trpaddfb3\trpaddfr3\tblind0\tblindtype3\tsvertalt\tsbrdrt\tsbrdrl\tsbrdrb\tsbrdrr\tsbrdrdgl\</w:t>
      </w:r>
      <w:r w:rsidRPr="005A1F79">
        <w:rPr>
          <w:rFonts w:ascii="Courier New" w:hAnsi="Courier New" w:cs="Courier New"/>
        </w:rPr>
        <w:t xml:space="preserve">tsbrdrdgr\tsbrdrh\tsbrdrv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l \li0\ri0\widctlpar\wrapdefault\aspalpha\aspnum\faauto\adjustright\rin0\lin0\itap0 \rtlch\fcs1 \af0\afs20\alang1025 \ltrch\fcs0 \f39\fs20\lang1049\langfe1049\cgrid\langnp1049\langfenp1049 \sbasedon11 \snext40 \slocked \styrsi</w:t>
      </w:r>
      <w:r w:rsidRPr="005A1F79">
        <w:rPr>
          <w:rFonts w:ascii="Courier New" w:hAnsi="Courier New" w:cs="Courier New"/>
        </w:rPr>
        <w:t>d9646988 Table Grid;}{\*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cs41 \additive \fs25\chshdng0\chcfpat0\chcbpat8 \slink42 \slocked \spriority0 \styrsid13195834 \'ce\'f1\'ed\'ee\'e2\'ed\'ee\'e9 \'f2\'e5\'ea\'f1\'f2_;}{\s42\ql \fi-420\li0\ri0\sl-259\slmul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nowidctlpar\wrapdefault\aspalpha\asp</w:t>
      </w:r>
      <w:r w:rsidRPr="005A1F79">
        <w:rPr>
          <w:rFonts w:ascii="Courier New" w:hAnsi="Courier New" w:cs="Courier New"/>
        </w:rPr>
        <w:t xml:space="preserve">num\faauto\adjustright\rin0\lin0\itap0 \cbpat8 \rtlch\fcs1 \af39\afs25\alang1025 \ltrch\fcs0 \f39\fs25\lang1049\langfe1049\cgrid\langnp1049\langfenp1049 \sbasedon0 \snext42 \slink41 \spriority0 \styrsid13195834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f1\'ed\'ee\'e2\'ed\'ee\'e9 \'f2\'e5\'</w:t>
      </w:r>
      <w:r w:rsidRPr="005A1F79">
        <w:rPr>
          <w:rFonts w:ascii="Courier New" w:hAnsi="Courier New" w:cs="Courier New"/>
        </w:rPr>
        <w:t xml:space="preserve">ea\'f1\'f21;}{\s43\ql \li0\ri0\nowidctlpar\wrapdefault\aspalpha\aspnum\faauto\adjustright\rin0\lin0\itap0 \rtlch\fcs1 \af0\afs24\alang1025 \ltrch\fcs0 \f1\fs20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next43 \slink58 \sqformat \spriority0 \sty</w:t>
      </w:r>
      <w:r w:rsidRPr="005A1F79">
        <w:rPr>
          <w:rFonts w:ascii="Courier New" w:hAnsi="Courier New" w:cs="Courier New"/>
        </w:rPr>
        <w:t xml:space="preserve">rsid14290051 \'ce\'e1\'fb\'f7\'ed\'fb\'e93;}{\s44\ql \li0\ri0\widctlpar\wrapdefault\aspalpha\aspnum\faauto\adjustright\rin0\lin0\itap0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39\fs20\lang1049\langfe1033\cgrid\langnp1049\langfenp1033 \sbasedon0 \sn</w:t>
      </w:r>
      <w:r w:rsidRPr="005A1F79">
        <w:rPr>
          <w:rFonts w:ascii="Courier New" w:hAnsi="Courier New" w:cs="Courier New"/>
        </w:rPr>
        <w:t xml:space="preserve">ext44 \slink45 \sunhideused \styrsid14290051 footnote text;}{\*\cs45 \additive \rtlch\fcs1 \af0\afs20 \ltrch\fcs0 \fs20\lang0\langfe1033\dbch\af0\langnp0\langfenp103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10 \slink44 \slocked \styrsid14290051 \'d2\'e5\'ea\'f1\'f2 \'f1\'ed\'ee\'f1\'e</w:t>
      </w:r>
      <w:r w:rsidRPr="005A1F79">
        <w:rPr>
          <w:rFonts w:ascii="Courier New" w:hAnsi="Courier New" w:cs="Courier New"/>
        </w:rPr>
        <w:t>a\'e8 \'c7\'ed\'e0\'ea;}{\*\cs46 \additive \rtlch\fcs1 \af0 \ltrch\fcs0 \super \sbasedon10 \sunhideused \styrsid14290051 footnote reference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s47\ql \li283\ri0\sa120\widctlpar\wrapdefault\aspalpha\aspnum\faauto\adjustright\rin0\lin283\itap0 \rtlch\fcs1 </w:t>
      </w:r>
      <w:r w:rsidRPr="005A1F79">
        <w:rPr>
          <w:rFonts w:ascii="Courier New" w:hAnsi="Courier New" w:cs="Courier New"/>
        </w:rPr>
        <w:t xml:space="preserve">\af0\afs20\alang1025 \ltrch\fcs0 \fs20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47 \slink48 \ssemihidden \sunhideused \styrsid4735144 Body Text Indent;}{\*\cs48 \additive \rtlch\fcs1 \af0\afs20 \ltrch\fcs0 \f0\fs20 \sbasedon10 \</w:t>
      </w:r>
      <w:r w:rsidRPr="005A1F79">
        <w:rPr>
          <w:rFonts w:ascii="Courier New" w:hAnsi="Courier New" w:cs="Courier New"/>
        </w:rPr>
        <w:t xml:space="preserve">slink47 \slocked \ssemihidden \styrsid4735144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f1\'ed\'ee\'e2\'ed\'ee\'e9 \'f2\'e5\'ea\'f1\'f2 \'f1 \'ee\'f2\'f1\'f2\'f3\'ef\'ee\'ec \'c7\'ed\'e0\'ea;}{\s49\ql \li720\ri0\widctlpar\wrapdefault\aspalpha\aspnum\faauto\adjustright\rin0\lin720\itap0\con</w:t>
      </w:r>
      <w:r w:rsidRPr="005A1F79">
        <w:rPr>
          <w:rFonts w:ascii="Courier New" w:hAnsi="Courier New" w:cs="Courier New"/>
        </w:rPr>
        <w:t xml:space="preserve">textualspace \rtlch\fcs1 \af0\afs20\alang102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0\lang1049\langfe1049\cgrid\langnp1049\langfenp1049 \sbasedon0 \snext49 \spriority0 \styrsid4735144 \'c0\'e1\'e7\'e0\'f6 \'f1\'ef\'e8\'f1\'ea\'e01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50\ql \li720\ri0\widctlpar\wrapdefault\</w:t>
      </w:r>
      <w:r w:rsidRPr="005A1F79">
        <w:rPr>
          <w:rFonts w:ascii="Courier New" w:hAnsi="Courier New" w:cs="Courier New"/>
        </w:rPr>
        <w:t xml:space="preserve">aspalpha\aspnum\faauto\adjustright\rin0\lin720\itap0\contextualspace \rtlch\fcs1 \af0\afs20\alang1025 \ltrch\fcs0 \fs20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asedon0 \snext50 \spriority0 \styrsid4735144 \'c0\'e1\'e7\'e0\'f6 \'f1\'ef\'e8\'f</w:t>
      </w:r>
      <w:r w:rsidRPr="005A1F79">
        <w:rPr>
          <w:rFonts w:ascii="Courier New" w:hAnsi="Courier New" w:cs="Courier New"/>
        </w:rPr>
        <w:t xml:space="preserve">1\'ea\'e05;}{\s51\qj \li0\ri0\sb20\sa20\widctlpar\wrapdefault\aspalpha\aspnum\faauto\adjustright\rin0\lin0\itap0 \rtlch\fcs1 \af0\afs24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1\fs20\lang1033\langfe1049\cgrid\langnp1033\langfenp1049 \sbasedon0 \snext51 \slink52 \styrsid</w:t>
      </w:r>
      <w:r w:rsidRPr="005A1F79">
        <w:rPr>
          <w:rFonts w:ascii="Courier New" w:hAnsi="Courier New" w:cs="Courier New"/>
        </w:rPr>
        <w:t xml:space="preserve">7802865 \'c2\'d2\'c1_\'c4\'ee\'eb\'e6\'ed\'ee\'f1\'f2\'fc;}{\*\cs52 \additive \f1\fs24\lang1033\langfe0\langnp1033\langfenp0 \slink51 \slocked \styrsid780286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2\'d2\'c1_\'c4\'ee\'eb\'e6\'ed\'ee\'f1\'f2\'fc \'c7\'ed\'e0\'ea;}{\*\cs53 \additive \rtlch\f</w:t>
      </w:r>
      <w:r w:rsidRPr="005A1F79">
        <w:rPr>
          <w:rFonts w:ascii="Courier New" w:hAnsi="Courier New" w:cs="Courier New"/>
        </w:rPr>
        <w:t xml:space="preserve">cs1 \af0 \ltrch\fcs0 \ul\cf2 \sbasedon10 \styrsid14644816 Hyperlink;}{\s54\ql \li0\ri0\widctlpar\wrapdefault\faauto\rin0\lin0\itap0 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1\afs24\alang1025 \ltrch\fcs0 \f1\fs24\cf1\lang1049\langfe1049\cgrid\langnp1049\langfenp1049 \snext54 \styr</w:t>
      </w:r>
      <w:r w:rsidRPr="005A1F79">
        <w:rPr>
          <w:rFonts w:ascii="Courier New" w:hAnsi="Courier New" w:cs="Courier New"/>
        </w:rPr>
        <w:t>sid8201731 Default;}{\*\cs55 \additive \f1\fs20 \styrsid2646131 Font Style14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56\ql \li0\ri0\widctlpar\wrapdefault\aspalpha\aspnum\faauto\adjustright\rin0\lin0\itap0 \rtlch\fcs1 \af0\afs20\alang1025 \ltrch\fcs0 \fs20\lang1049\langfe1049\cgrid\langnp10</w:t>
      </w:r>
      <w:r w:rsidRPr="005A1F79">
        <w:rPr>
          <w:rFonts w:ascii="Courier New" w:hAnsi="Courier New" w:cs="Courier New"/>
        </w:rPr>
        <w:t xml:space="preserve">49\langfenp1049 \sbasedon0 \snext56 \slink57 \sunhideused \styrsid894449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annotation text;}{\*\cs57 \additive \rtlch\fcs1 \af0\afs20 \ltrch\fcs0 \f0\fs20 \sbasedon10 \slink56 \slocked \styrsid8944490 \'d2\'e5\'ea\'f1\'f2 \'ef\'f0\'e8\'ec\'e5\'f7\'e0\'ed\</w:t>
      </w:r>
      <w:r w:rsidRPr="005A1F79">
        <w:rPr>
          <w:rFonts w:ascii="Courier New" w:hAnsi="Courier New" w:cs="Courier New"/>
        </w:rPr>
        <w:t xml:space="preserve">'e8\'ff \'c7\'ed\'e0\'ea;}{\*\cs58 \additive \f1\fs24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link43 \slocked \spriority0 \styrsid15425952 \'ce\'e1\'fb\'f7\'ed\'fb\'e93 \'c7\'ed\'e0\'ea;}{\s59\ql \li0\ri0\widctlpar\wrapdefault\aspalpha\aspnum\faauto\adjustright\rin0\lin0\itap0 \rtlch\fcs1 \a</w:t>
      </w:r>
      <w:r w:rsidRPr="005A1F79">
        <w:rPr>
          <w:rFonts w:ascii="Courier New" w:hAnsi="Courier New" w:cs="Courier New"/>
        </w:rPr>
        <w:t xml:space="preserve">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39\fs20\lang1049\langfe1049\cgrid\langnp1049\langfenp1049 \snext59 \slink61 \sqformat \spriority0 \styrsid8990346 Normal_0;}{\s60\ql \li0\ri0\nowidctlpar\wrapdefault\aspalpha\aspnum\faauto\adjustright\rin0\lin0\itap0 \rtl</w:t>
      </w:r>
      <w:r w:rsidRPr="005A1F79">
        <w:rPr>
          <w:rFonts w:ascii="Courier New" w:hAnsi="Courier New" w:cs="Courier New"/>
        </w:rPr>
        <w:t xml:space="preserve">ch\fcs1 \af0\afs24\alang102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1\fs20\lang1049\langfe1049\cgrid\langnp1049\langfenp1049 \snext60 \sqformat \spriority0 \styrsid8990346 \'ce\'e1\'fb\'f7\'ed\'fb\'e96;}{\*\cs61 \additive \fs20\dbch\af0 \slink59 \slocked \spriority0 \styrsid8990</w:t>
      </w:r>
      <w:r w:rsidRPr="005A1F79">
        <w:rPr>
          <w:rFonts w:ascii="Courier New" w:hAnsi="Courier New" w:cs="Courier New"/>
        </w:rPr>
        <w:t>346 Normal \'c7\'ed\'e0\'ea;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s62\ql \li0\ri0\sb100\sa100\sbauto1\saauto1\widctlpar\wrapdefault\aspalpha\aspnum\faauto\adjustright\rin0\lin0\itap0 \rtlch\fcs1 \af0\afs24\alang1025 \ltrch\fcs0 \fs24\lang1049\langfe1049\cgrid\langnp1049\langfenp10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b</w:t>
      </w:r>
      <w:r w:rsidRPr="005A1F79">
        <w:rPr>
          <w:rFonts w:ascii="Courier New" w:hAnsi="Courier New" w:cs="Courier New"/>
        </w:rPr>
        <w:t>asedon0 \snext62 \spriority0 \styrsid1261250 gmail-3;}}}}{\*\listtable{\list\listtemplateid65460274\listhybrid{\listlevel\levelnfc23\levelnfcn23\leveljc0\leveljcn0\levelfollow0\levelstartat0\levelspace0\levelindent0{\leveltext\'01-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och</w:t>
      </w:r>
      <w:r w:rsidRPr="005A1F79">
        <w:rPr>
          <w:rFonts w:ascii="Courier New" w:hAnsi="Courier New" w:cs="Courier New"/>
        </w:rPr>
        <w:t xml:space="preserve">\af0\hich\af0\dbch\af0\fbias0 \fi-360\li720\jclisttab\tx720\lin720 }{\listlevel\levelnfc0\levelnfcn0\leveljc0\leveljcn0\levelfollow0\levelstartat8\levelspace0\levelindent0{\leveltext\'01\'01;}{\levelnumbers\'01;}\rtlch\fcs1 \af0 \ltrch\fcs0 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</w:t>
      </w:r>
      <w:r w:rsidRPr="005A1F79">
        <w:rPr>
          <w:rFonts w:ascii="Courier New" w:hAnsi="Courier New" w:cs="Courier New"/>
        </w:rPr>
        <w:t>60\li1440\jclisttab\tx1440\lin1440 }{\listlevel\levelnfc2\levelnfcn2\leveljc2\leveljcn2\levelfollow0\levelstartat1\lvltentative\levelspace0\levelindent0{\leveltext\'02\'02.;}{\levelnumbers\'01;}\rtlch\fcs1 \af0 \ltrch\fcs0 \fi-180\li216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2160</w:t>
      </w:r>
      <w:r w:rsidRPr="005A1F79">
        <w:rPr>
          <w:rFonts w:ascii="Courier New" w:hAnsi="Courier New" w:cs="Courier New"/>
        </w:rPr>
        <w:t>\lin2160 }{\listlevel\levelnfc0\levelnfcn0\leveljc0\leveljcn0\levelfollow0\levelstartat1\lvltentative\levelspace0\levelindent0{\leveltext\'02\'03.;}{\levelnumbers\'01;}\rtlch\fcs1 \af0 \ltrch\fcs0 \fi-360\li2880\jclisttab\tx2880\lin2880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</w:t>
      </w:r>
      <w:r w:rsidRPr="005A1F79">
        <w:rPr>
          <w:rFonts w:ascii="Courier New" w:hAnsi="Courier New" w:cs="Courier New"/>
        </w:rPr>
        <w:t>lnfc4\levelnfcn4\leveljc0\leveljcn0\levelfollow0\levelstartat1\lvltentative\levelspace0\levelindent0{\leveltext\'02\'04.;}{\levelnumbers\'01;}\rtlch\fcs1 \af0 \ltrch\fcs0 \fi-360\li3600\jclisttab\tx3600\lin3600 }{\listlevel\levelnfc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n2\leveljc2\</w:t>
      </w:r>
      <w:r w:rsidRPr="005A1F79">
        <w:rPr>
          <w:rFonts w:ascii="Courier New" w:hAnsi="Courier New" w:cs="Courier New"/>
        </w:rPr>
        <w:t>leveljcn2\levelfollow0\levelstartat1\lvltentative\levelspace0\levelindent0{\leveltext\'02\'05.;}{\levelnumbers\'01;}\rtlch\fcs1 \af0 \ltrch\fcs0 \fi-180\li4320\jclisttab\tx4320\lin4320 }{\listlevel\levelnfc0\levelnfcn0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</w:t>
      </w:r>
      <w:r w:rsidRPr="005A1F79">
        <w:rPr>
          <w:rFonts w:ascii="Courier New" w:hAnsi="Courier New" w:cs="Courier New"/>
        </w:rPr>
        <w:t>elstartat1\lvltentative\levelspace0\levelindent0{\leveltext\'02\'06.;}{\levelnumbers\'01;}\rtlch\fcs1 \af0 \ltrch\fcs0 \fi-360\li5040\jclisttab\tx5040\lin5040 }{\listlevel\levelnfc4\levelnfcn4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</w:t>
      </w:r>
      <w:r w:rsidRPr="005A1F79">
        <w:rPr>
          <w:rFonts w:ascii="Courier New" w:hAnsi="Courier New" w:cs="Courier New"/>
        </w:rPr>
        <w:t>velspace0\levelindent0{\leveltext\'02\'07.;}{\levelnumbers\'01;}\rtlch\fcs1 \af0 \ltrch\fcs0 \fi-360\li5760\jclisttab\tx5760\lin5760 }{\listlevel\levelnfc2\levelnfcn2\leveljc2\leveljcn2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</w:t>
      </w:r>
      <w:r w:rsidRPr="005A1F79">
        <w:rPr>
          <w:rFonts w:ascii="Courier New" w:hAnsi="Courier New" w:cs="Courier New"/>
        </w:rPr>
        <w:t>veltext\'02\'08.;}{\levelnumbers\'01;}\rtlch\fcs1 \af0 \ltrch\fcs0 \fi-180\li6480\jclisttab\tx6480\lin6480 }{\listname ;}\listid10}{\list\listtemplateid65460274\listhybrid{\listlevel\levelnfc23\levelnfcn23\leveljc0\leveljcn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0\le</w:t>
      </w:r>
      <w:r w:rsidRPr="005A1F79">
        <w:rPr>
          <w:rFonts w:ascii="Courier New" w:hAnsi="Courier New" w:cs="Courier New"/>
        </w:rPr>
        <w:t>velspace0\levelindent0{\leveltext\'01-;}{\levelnumbers;}\loch\af0\hich\af0\dbch\af0\fbias0 \fi-360\li720\jclisttab\tx720\lin720 }{\listlevel\levelnfc0\levelnfcn0\leveljc0\leveljcn0\levelfollow0\levelstartat8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'01\'01;}{</w:t>
      </w:r>
      <w:r w:rsidRPr="005A1F79">
        <w:rPr>
          <w:rFonts w:ascii="Courier New" w:hAnsi="Courier New" w:cs="Courier New"/>
        </w:rPr>
        <w:t>\levelnumbers\'01;}\rtlch\fcs1 \af0 \ltrch\fcs0 \fbias0 \fi-360\li1440\jclisttab\tx1440\lin1440 }{\listlevel\levelnfc2\levelnfcn2\leveljc2\leveljcn2\levelfollow0\levelstartat1\lvltentative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'02\'02.;}{\levelnumbers\'01;</w:t>
      </w:r>
      <w:r w:rsidRPr="005A1F79">
        <w:rPr>
          <w:rFonts w:ascii="Courier New" w:hAnsi="Courier New" w:cs="Courier New"/>
        </w:rPr>
        <w:t>}\rtlch\fcs1 \af0 \ltrch\fcs0 \fi-180\li2160\jclisttab\tx2160\lin2160 }{\listlevel\levelnfc0\levelnfcn0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3.;}{\levelnumbers\'01;}\rtlch\fcs1 \af0 \ltrch\f</w:t>
      </w:r>
      <w:r w:rsidRPr="005A1F79">
        <w:rPr>
          <w:rFonts w:ascii="Courier New" w:hAnsi="Courier New" w:cs="Courier New"/>
        </w:rPr>
        <w:t>cs0 \fi-360\li2880\jclisttab\tx2880\lin2880 }{\listlevel\levelnfc4\levelnfcn4\leveljc0\leveljcn0\levelfollow0\levelstartat1\lvltentative\levelspace0\levelindent0{\leveltext\'02\'04.;}{\levelnumbers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;}\rtlch\fcs1 \af0 \ltrch\fcs0 \fi-360\li3600\jclistt</w:t>
      </w:r>
      <w:r w:rsidRPr="005A1F79">
        <w:rPr>
          <w:rFonts w:ascii="Courier New" w:hAnsi="Courier New" w:cs="Courier New"/>
        </w:rPr>
        <w:t xml:space="preserve">ab\tx3600\lin3600 }{\listlevel\levelnfc2\levelnfcn2\leveljc2\leveljcn2\levelfollow0\levelstartat1\lvltentative\levelspace0\levelindent0{\leveltext\'02\'05.;}{\levelnumbers\'01;}\rtlch\fcs1 \a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i-180\li4320\jclisttab\tx4320\lin4320 }{\listl</w:t>
      </w:r>
      <w:r w:rsidRPr="005A1F79">
        <w:rPr>
          <w:rFonts w:ascii="Courier New" w:hAnsi="Courier New" w:cs="Courier New"/>
        </w:rPr>
        <w:t>evel\levelnfc0\levelnfcn0\leveljc0\leveljcn0\levelfollow0\levelstartat1\lvltentative\levelspace0\levelindent0{\leveltext\'02\'06.;}{\levelnumbers\'01;}\rtlch\fcs1 \af0 \ltrch\fcs0 \fi-360\li504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5040\lin5040 }{\listlevel\levelnfc4\levelnfcn4\</w:t>
      </w:r>
      <w:r w:rsidRPr="005A1F79">
        <w:rPr>
          <w:rFonts w:ascii="Courier New" w:hAnsi="Courier New" w:cs="Courier New"/>
        </w:rPr>
        <w:t>leveljc0\leveljcn0\levelfollow0\levelstartat1\lvltentative\levelspace0\levelindent0{\leveltext\'02\'07.;}{\levelnumbers\'01;}\rtlch\fcs1 \af0 \ltrch\fcs0 \fi-360\li5760\jclisttab\tx5760\lin5760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\levelnfcn2\leveljc2\leveljcn2\levelfo</w:t>
      </w:r>
      <w:r w:rsidRPr="005A1F79">
        <w:rPr>
          <w:rFonts w:ascii="Courier New" w:hAnsi="Courier New" w:cs="Courier New"/>
        </w:rPr>
        <w:t>llow0\levelstartat1\lvltentative\levelspace0\levelindent0{\leveltext\'02\'08.;}{\levelnumbers\'01;}\rtlch\fcs1 \af0 \ltrch\fcs0 \fi-180\li6480\jclisttab\tx6480\lin6480 }{\listname ;}\listid17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\listtemplateid-255270454\listhybrid{\listlevel\levelnfc</w:t>
      </w:r>
      <w:r w:rsidRPr="005A1F79">
        <w:rPr>
          <w:rFonts w:ascii="Courier New" w:hAnsi="Courier New" w:cs="Courier New"/>
        </w:rPr>
        <w:t>23\levelnfcn23\leveljc0\leveljcn0\levelfollow0\levelstartat1\levelspace0\levelindent0{\leveltext\'01{\uc1\u-3913 ?};}{\levelnumbers;}\f3\fbias0 \fi-360\li677\jclisttab\tx677\lin677 }{\listleve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0\levelnfcn0\leveljc0\leveljcn0\levelfollow0\levelst</w:t>
      </w:r>
      <w:r w:rsidRPr="005A1F79">
        <w:rPr>
          <w:rFonts w:ascii="Courier New" w:hAnsi="Courier New" w:cs="Courier New"/>
        </w:rPr>
        <w:t>artat8\levelspace0\levelindent0{\leveltext\'01\'01;}{\levelnumbers\'01;}\rtlch\fcs1 \af0 \ltrch\fcs0 \fbias0 \fi-360\li1397\jclisttab\tx1397\lin1397 }{\listlevel\levelnfc2\levelnfcn2\leveljc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2\levelfollow0\levelstartat1\lvltentative\levelspace0\</w:t>
      </w:r>
      <w:r w:rsidRPr="005A1F79">
        <w:rPr>
          <w:rFonts w:ascii="Courier New" w:hAnsi="Courier New" w:cs="Courier New"/>
        </w:rPr>
        <w:t>levelindent0{\leveltext\'02\'02.;}{\levelnumbers\'01;}\rtlch\fcs1 \af0 \ltrch\fcs0 \fi-180\li2117\jclisttab\tx2117\lin2117 }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'0</w:t>
      </w:r>
      <w:r w:rsidRPr="005A1F79">
        <w:rPr>
          <w:rFonts w:ascii="Courier New" w:hAnsi="Courier New" w:cs="Courier New"/>
        </w:rPr>
        <w:t>2\'03.;}{\levelnumbers\'01;}\rtlch\fcs1 \af0 \ltrch\fcs0 \fi-360\li2837\jclisttab\tx2837\lin2837 }{\listlevel\levelnfc4\levelnfcn4\leveljc0\leveljcn0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'02\'04.;}{\levelnumbers\'01</w:t>
      </w:r>
      <w:r w:rsidRPr="005A1F79">
        <w:rPr>
          <w:rFonts w:ascii="Courier New" w:hAnsi="Courier New" w:cs="Courier New"/>
        </w:rPr>
        <w:t>;}\rtlch\fcs1 \af0 \ltrch\fcs0 \fi-360\li3557\jclisttab\tx3557\lin3557 }{\listlevel\levelnfc2\levelnfcn2\leveljc2\leveljcn2\levelfollow0\levelstartat1\lvltentative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'02\'05.;}{\levelnumbers\'01;}\rtlch\fcs1 \af0 \ltrch\</w:t>
      </w:r>
      <w:r w:rsidRPr="005A1F79">
        <w:rPr>
          <w:rFonts w:ascii="Courier New" w:hAnsi="Courier New" w:cs="Courier New"/>
        </w:rPr>
        <w:t>fcs0 \fi-180\li4277\jclisttab\tx4277\lin4277 }{\listlevel\levelnfc0\levelnfcn0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6.;}{\levelnumbers\'01;}\rtlch\fcs1 \af0 \ltrch\fcs0 \fi-360\li4997\jclist</w:t>
      </w:r>
      <w:r w:rsidRPr="005A1F79">
        <w:rPr>
          <w:rFonts w:ascii="Courier New" w:hAnsi="Courier New" w:cs="Courier New"/>
        </w:rPr>
        <w:t>tab\tx4997\lin4997 }{\listlevel\levelnfc4\levelnfcn4\leveljc0\leveljcn0\levelfollow0\levelstartat1\lvltentative\levelspace0\levelindent0{\leveltext\'02\'07.;}{\levelnumbers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;}\rtlch\fcs1 \af0 \ltrch\fcs0 \fi-360\li5717\jclisttab\tx5717\lin5717 }{\list</w:t>
      </w:r>
      <w:r w:rsidRPr="005A1F79">
        <w:rPr>
          <w:rFonts w:ascii="Courier New" w:hAnsi="Courier New" w:cs="Courier New"/>
        </w:rPr>
        <w:t xml:space="preserve">level\levelnfc2\levelnfcn2\leveljc2\leveljcn2\levelfollow0\levelstartat1\lvltentative\levelspace0\levelindent0{\leveltext\'02\'08.;}{\levelnumbers\'01;}\rtlch\fcs1 \a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i-180\li6437\jclisttab\tx6437\lin6437 }{\listname ;}\listid21}{\list\li</w:t>
      </w:r>
      <w:r w:rsidRPr="005A1F79">
        <w:rPr>
          <w:rFonts w:ascii="Courier New" w:hAnsi="Courier New" w:cs="Courier New"/>
        </w:rPr>
        <w:t>sttemplateid-221204236\listhybrid{\listlevel\levelnfc0\levelnfcn0\leveljc0\leveljcn0\levelfollow0\levelstartat1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0.;}{\levelnumbers\'01;}\rtlch\fcs1 \af0 \ltrch\fcs0 \fbias0 \fi-360\li360\jclisttab\tx360\lin360 }{</w:t>
      </w:r>
      <w:r w:rsidRPr="005A1F79">
        <w:rPr>
          <w:rFonts w:ascii="Courier New" w:hAnsi="Courier New" w:cs="Courier New"/>
        </w:rPr>
        <w:t>\listlevel\levelnfc0\levelnfcn0\leveljc0\leveljcn0\levelfollow0\levelstartat8\levelspace0\levelindent0{\leveltext\'01\'01;}{\levelnumbers\'01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 \ltrch\fcs0 \fbias0 \fi-360\li1080\jclisttab\tx1080\lin1080 }{\listlevel\levelnfc2\levelnfcn2\</w:t>
      </w:r>
      <w:r w:rsidRPr="005A1F79">
        <w:rPr>
          <w:rFonts w:ascii="Courier New" w:hAnsi="Courier New" w:cs="Courier New"/>
        </w:rPr>
        <w:t xml:space="preserve">leveljc2\leveljcn2\levelfollow0\levelstartat1\lvltentative\levelspace0\levelindent0{\leveltext\'02\'02.;}{\levelnumbers\'01;}\rtlch\fcs1 \a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i-180\li1800\jclisttab\tx1800\lin1800 }{\listlevel\levelnfc0\levelnfcn0\leveljc0\leveljcn0\levelfo</w:t>
      </w:r>
      <w:r w:rsidRPr="005A1F79">
        <w:rPr>
          <w:rFonts w:ascii="Courier New" w:hAnsi="Courier New" w:cs="Courier New"/>
        </w:rPr>
        <w:t>llow0\levelstartat1\lvltentative\levelspace0\levelindent0{\leveltext\'02\'03.;}{\levelnumbers\'01;}\rtlch\fcs1 \af0 \ltrch\fcs0 \fi-360\li252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2520\lin2520 }{\listlevel\levelnfc4\levelnfcn4\leveljc0\leveljcn0\levelfollow0\levelstartat1\lvlten</w:t>
      </w:r>
      <w:r w:rsidRPr="005A1F79">
        <w:rPr>
          <w:rFonts w:ascii="Courier New" w:hAnsi="Courier New" w:cs="Courier New"/>
        </w:rPr>
        <w:t>tative\levelspace0\levelindent0{\leveltext\'02\'04.;}{\levelnumbers\'01;}\rtlch\fcs1 \af0 \ltrch\fcs0 \fi-360\li3240\jclisttab\tx3240\lin3240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\levelnfcn2\leveljc2\leveljcn2\levelfollow0\levelstartat1\lvltentative\levelspace0\levelin</w:t>
      </w:r>
      <w:r w:rsidRPr="005A1F79">
        <w:rPr>
          <w:rFonts w:ascii="Courier New" w:hAnsi="Courier New" w:cs="Courier New"/>
        </w:rPr>
        <w:t>dent0{\leveltext\'02\'05.;}{\levelnumbers\'01;}\rtlch\fcs1 \af0 \ltrch\fcs0 \fi-180\li3960\jclisttab\tx3960\lin3960 }{\listlevel\levelnf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n0\leveljc0\leveljcn0\levelfollow0\levelstartat1\lvltentative\levelspace0\levelindent0{\leveltext\'02\'06.;</w:t>
      </w:r>
      <w:r w:rsidRPr="005A1F79">
        <w:rPr>
          <w:rFonts w:ascii="Courier New" w:hAnsi="Courier New" w:cs="Courier New"/>
        </w:rPr>
        <w:t>}{\levelnumbers\'01;}\rtlch\fcs1 \af0 \ltrch\fcs0 \fi-360\li4680\jclisttab\tx4680\lin4680 }{\listlevel\levelnfc4\levelnfcn4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vltentative\levelspace0\levelindent0{\leveltext\'02\'07.;}{\levelnumbers\'01;}\rtlc</w:t>
      </w:r>
      <w:r w:rsidRPr="005A1F79">
        <w:rPr>
          <w:rFonts w:ascii="Courier New" w:hAnsi="Courier New" w:cs="Courier New"/>
        </w:rPr>
        <w:t>h\fcs1 \af0 \ltrch\fcs0 \fi-360\li5400\jclisttab\tx5400\lin5400 }{\listlevel\levelnfc2\levelnfcn2\leveljc2\leveljcn2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'02\'08.;}{\levelnumbers\'01;}\rtlch\fcs1 \af0 \ltrch\fcs0 \f</w:t>
      </w:r>
      <w:r w:rsidRPr="005A1F79">
        <w:rPr>
          <w:rFonts w:ascii="Courier New" w:hAnsi="Courier New" w:cs="Courier New"/>
        </w:rPr>
        <w:t>i-180\li6120\jclisttab\tx6120\lin6120 }{\listname ;}\listid22}{\list\listtemplateid1298332442\listhybrid{\listlevel\levelnfc2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n23\leveljc0\leveljcn0\levelfollow0\levelstartat1\levelspace0\levelindent0{\leveltext\leveltemplateid68747265\'01{\uc1\</w:t>
      </w:r>
      <w:r w:rsidRPr="005A1F79">
        <w:rPr>
          <w:rFonts w:ascii="Courier New" w:hAnsi="Courier New" w:cs="Courier New"/>
        </w:rPr>
        <w:t>u-3913 ?};}{\levelnumbers;}\f3\fbias0 \fi-360\li720\lin720 }{\listlevel\levelnfc23\levelnfcn23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67\'01o;}{\levelnumbers;}\f2\fbias0 \fi-360</w:t>
      </w:r>
      <w:r w:rsidRPr="005A1F79">
        <w:rPr>
          <w:rFonts w:ascii="Courier New" w:hAnsi="Courier New" w:cs="Courier New"/>
        </w:rPr>
        <w:t>\li1440\lin1440 }{\listlevel\levelnfc23\levelnfcn23\leveljc0\leveljcn0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69\'01{\uc1\u-3929 ?};}{\levelnumbers;}\f10\fbias0 \fi-360\li2160\lin2160 }{\listlevel</w:t>
      </w:r>
      <w:r w:rsidRPr="005A1F79">
        <w:rPr>
          <w:rFonts w:ascii="Courier New" w:hAnsi="Courier New" w:cs="Courier New"/>
        </w:rPr>
        <w:t>\levelnfc23\levelnfcn23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5\'01{\uc1\u-3913 ?};}{\levelnumbers;}\f3\fbias0 \fi-360\li2880\lin2880 }{\listlevel\levelnfc23\levelnfcn23\level</w:t>
      </w:r>
      <w:r w:rsidRPr="005A1F79">
        <w:rPr>
          <w:rFonts w:ascii="Courier New" w:hAnsi="Courier New" w:cs="Courier New"/>
        </w:rPr>
        <w:t>jc0\leveljcn0\levelfollow0\levelstartat1\lvltentative\levelspace0\levelindent0{\leveltext\leveltemplateid6874726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o;}{\levelnumbers;}\f2\fbias0 \fi-360\li3600\lin3600 }{\listlevel\levelnfc23\levelnfcn23\leveljc0\leveljcn0\levelfollow0\levelstartat1\lv</w:t>
      </w:r>
      <w:r w:rsidRPr="005A1F79">
        <w:rPr>
          <w:rFonts w:ascii="Courier New" w:hAnsi="Courier New" w:cs="Courier New"/>
        </w:rPr>
        <w:t>ltentative\levelspace0\levelindent0{\leveltext\leveltemplateid68747269\'01{\uc1\u-3929 ?}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10\fbias0 \fi-360\li4320\lin4320 }{\listlevel\levelnfc23\levelnfcn23\leveljc0\leveljcn0\levelfollow0\levelstartat1\lvltentative\levelspace0\level</w:t>
      </w:r>
      <w:r w:rsidRPr="005A1F79">
        <w:rPr>
          <w:rFonts w:ascii="Courier New" w:hAnsi="Courier New" w:cs="Courier New"/>
        </w:rPr>
        <w:t xml:space="preserve">indent0{\leveltext\leveltemplateid68747265\'01{\uc1\u-3913 ?};}{\levelnumbers;}\f3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5040\lin5040 }{\listlevel\levelnfc23\levelnfcn23\leveljc0\leveljcn0\levelfollow0\levelstartat1\lvltentative\levelspace0\levelindent0{\leveltext\leveltempl</w:t>
      </w:r>
      <w:r w:rsidRPr="005A1F79">
        <w:rPr>
          <w:rFonts w:ascii="Courier New" w:hAnsi="Courier New" w:cs="Courier New"/>
        </w:rPr>
        <w:t>ateid68747267\'01o;}{\levelnumbers;}\f2\fbias0 \fi-360\li5760\lin5760 }{\listleve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23\levelnfcn23\leveljc0\leveljcn0\levelfollow0\levelstartat1\lvltentative\levelspace0\levelindent0{\leveltext\leveltemplateid68747269\'01{\uc1\u-3929 ?};}{\levelnu</w:t>
      </w:r>
      <w:r w:rsidRPr="005A1F79">
        <w:rPr>
          <w:rFonts w:ascii="Courier New" w:hAnsi="Courier New" w:cs="Courier New"/>
        </w:rPr>
        <w:t>mbers;}\f10\fbias0 \fi-360\li6480\lin6480 }{\listname ;}\listid12002800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\listtemplateid-1801829360\listhybrid{\listlevel\levelnfc23\levelnfcn23\leveljc0\leveljcn0\levelfollow0\levelstartat1\levelspace0\levelindent0{\leveltext\leveltemplateid6874727</w:t>
      </w:r>
      <w:r w:rsidRPr="005A1F79">
        <w:rPr>
          <w:rFonts w:ascii="Courier New" w:hAnsi="Courier New" w:cs="Courier New"/>
        </w:rPr>
        <w:t>7\'01{\uc1\u-3844 ?};}{\levelnumbers;}\f10\fbias0 \fi-360\li720\lin720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3\levelnfcn23\leveljc0\leveljcn0\levelfollow0\levelstartat1\lvltentative\levelspace0\levelindent0{\leveltext\leveltemplateid68747267\'01o;}{\levelnumbers;}\f2\fb</w:t>
      </w:r>
      <w:r w:rsidRPr="005A1F79">
        <w:rPr>
          <w:rFonts w:ascii="Courier New" w:hAnsi="Courier New" w:cs="Courier New"/>
        </w:rPr>
        <w:t>ias0 \fi-360\li1440\lin1440 }{\listlevel\levelnfc23\levelnfcn23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eveljcn0\levelfollow0\levelstartat1\lvltentative\levelspace0\levelindent0{\leveltext\leveltemplateid68747269\'01{\uc1\u-3929 ?};}{\levelnumbers;}\f10\fbias0 \fi-360\li2160\lin2160 </w:t>
      </w:r>
      <w:r w:rsidRPr="005A1F79">
        <w:rPr>
          <w:rFonts w:ascii="Courier New" w:hAnsi="Courier New" w:cs="Courier New"/>
        </w:rPr>
        <w:t>}{\listlevel\levelnfc23\levelnfcn23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65\'01{\uc1\u-3913 ?};}{\levelnumbers;}\f3\fbias0 \fi-360\li2880\lin2880 }{\listlevel\levelnfc23\level</w:t>
      </w:r>
      <w:r w:rsidRPr="005A1F79">
        <w:rPr>
          <w:rFonts w:ascii="Courier New" w:hAnsi="Courier New" w:cs="Courier New"/>
        </w:rPr>
        <w:t>nfcn23\leveljc0\leveljcn0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leveltemplateid68747267\'01o;}{\levelnumbers;}\f2\fbias0 \fi-360\li3600\lin3600 }{\listlevel\levelnfc23\levelnfcn23\leveljc0\leveljcn0\levelfollow0\leve</w:t>
      </w:r>
      <w:r w:rsidRPr="005A1F79">
        <w:rPr>
          <w:rFonts w:ascii="Courier New" w:hAnsi="Courier New" w:cs="Courier New"/>
        </w:rPr>
        <w:t>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9\'01{\uc1\u-3929 ?};}{\levelnumbers;}\f10\fbias0 \fi-360\li4320\lin4320 }{\listlevel\levelnfc23\levelnfcn23\leveljc0\leveljcn0\levelfollow0\levelstartat1\lvltentative\level</w:t>
      </w:r>
      <w:r w:rsidRPr="005A1F79">
        <w:rPr>
          <w:rFonts w:ascii="Courier New" w:hAnsi="Courier New" w:cs="Courier New"/>
        </w:rPr>
        <w:t>space0\levelindent0{\leveltext\leveltemplateid687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5040\lin5040 }{\listlevel\levelnfc23\levelnfcn23\leveljc0\leveljcn0\levelfollow0\levelstartat1\lvltentative\levelspace0\levelindent0{\leveltex</w:t>
      </w:r>
      <w:r w:rsidRPr="005A1F79">
        <w:rPr>
          <w:rFonts w:ascii="Courier New" w:hAnsi="Courier New" w:cs="Courier New"/>
        </w:rPr>
        <w:t>t\leveltemplateid68747267\'01o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2\fbias0 \fi-360\li5760\lin5760 }{\listlevel\levelnfc23\levelnfcn23\leveljc0\leveljcn0\levelfollow0\levelstartat1\lvltentative\levelspace0\levelindent0{\leveltext\leveltemplateid68747269\'01{\uc1\u-3929 ?</w:t>
      </w:r>
      <w:r w:rsidRPr="005A1F79">
        <w:rPr>
          <w:rFonts w:ascii="Courier New" w:hAnsi="Courier New" w:cs="Courier New"/>
        </w:rPr>
        <w:t xml:space="preserve">};}{\l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6480\lin6480 }{\listname ;}\listid27608690}{\list\listtemplateid-504879376\listhybrid{\listlevel\levelnfc23\levelnfcn23\leveljc0\leveljcn0\levelfollow0\levelstartat1\levelspace0\levelindent0{\leveltext\leveltempla</w:t>
      </w:r>
      <w:r w:rsidRPr="005A1F79">
        <w:rPr>
          <w:rFonts w:ascii="Courier New" w:hAnsi="Courier New" w:cs="Courier New"/>
        </w:rPr>
        <w:t>teid687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1287\lin1287 }{\listlevel\levelnfc23\levelnfcn23\leveljc0\leveljcn0\levelfollow0\levelstartat1\lvltentative\levelspace0\levelindent0{\leveltext\leveltemplateid68747267\'01o;}{\levelnum</w:t>
      </w:r>
      <w:r w:rsidRPr="005A1F79">
        <w:rPr>
          <w:rFonts w:ascii="Courier New" w:hAnsi="Courier New" w:cs="Courier New"/>
        </w:rPr>
        <w:t>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2\fbias0 \fi-360\li2007\lin2007 }{\listlevel\levelnfc23\levelnfcn23\leveljc0\leveljcn0\levelfollow0\levelstartat1\lvltentative\levelspace0\levelindent0{\leveltext\leveltemplateid68747269\'01{\uc1\u-3929 ?};}{\l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</w:t>
      </w:r>
      <w:r w:rsidRPr="005A1F79">
        <w:rPr>
          <w:rFonts w:ascii="Courier New" w:hAnsi="Courier New" w:cs="Courier New"/>
        </w:rPr>
        <w:t>i2727\lin2727 }{\listlevel\levelnfc23\levelnfcn23\leveljc0\leveljcn0\levelfollow0\levelstartat1\lvltentative\levelspace0\levelindent0{\leveltext\leveltemplateid68747265\'01{\uc1\u-3913 ?};}{\levelnumbers;}\f3\fbias0 \fi-360\li3447\lin3447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</w:t>
      </w:r>
      <w:r w:rsidRPr="005A1F79">
        <w:rPr>
          <w:rFonts w:ascii="Courier New" w:hAnsi="Courier New" w:cs="Courier New"/>
        </w:rPr>
        <w:t>velnfc23\levelnfcn23\leveljc0\leveljcn0\levelfollow0\levelstartat1\lvltentative\levelspace0\levelindent0{\leveltext\leveltemplateid68747267\'01o;}{\levelnumbers;}\f2\fbias0 \fi-360\li4167\lin4167 }{\listlevel\levelnfc23\levelnfcn23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</w:t>
      </w:r>
      <w:r w:rsidRPr="005A1F79">
        <w:rPr>
          <w:rFonts w:ascii="Courier New" w:hAnsi="Courier New" w:cs="Courier New"/>
        </w:rPr>
        <w:t>elfollow0\levelstartat1\lvltentative\levelspace0\levelindent0{\leveltext\leveltemplateid68747269\'01{\uc1\u-3929 ?};}{\levelnumbers;}\f10\fbias0 \fi-360\li4887\lin4887 }{\listlevel\levelnfc23\levelnfcn23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</w:t>
      </w:r>
      <w:r w:rsidRPr="005A1F79">
        <w:rPr>
          <w:rFonts w:ascii="Courier New" w:hAnsi="Courier New" w:cs="Courier New"/>
        </w:rPr>
        <w:t>entative\levelspace0\levelindent0{\leveltext\leveltemplateid68747265\'01{\uc1\u-3913 ?};}{\levelnumbers;}\f3\fbias0 \fi-360\li5607\lin5607 }{\listlevel\levelnfc23\levelnfcn23\leveljc0\leveljcn0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</w:t>
      </w:r>
      <w:r w:rsidRPr="005A1F79">
        <w:rPr>
          <w:rFonts w:ascii="Courier New" w:hAnsi="Courier New" w:cs="Courier New"/>
        </w:rPr>
        <w:t>ent0{\leveltext\leveltemplateid68747267\'01o;}{\levelnumbers;}\f2\fbias0 \fi-360\li6327\lin6327 }{\listlevel\levelnfc23\levelnfcn23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9\'01</w:t>
      </w:r>
      <w:r w:rsidRPr="005A1F79">
        <w:rPr>
          <w:rFonts w:ascii="Courier New" w:hAnsi="Courier New" w:cs="Courier New"/>
        </w:rPr>
        <w:t>{\uc1\u-3929 ?};}{\levelnumbers;}\f10\fbias0 \fi-360\li7047\lin7047 }{\listname ;}\listid71465468}{\list\listtemplateid-1247787538\listhybrid{\listlevel\levelnfc0\levelnfcn0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</w:t>
      </w:r>
      <w:r w:rsidRPr="005A1F79">
        <w:rPr>
          <w:rFonts w:ascii="Courier New" w:hAnsi="Courier New" w:cs="Courier New"/>
        </w:rPr>
        <w:t>t\leveltemplateid1438034842\'02\'00.;}{\levelnumbers\'01;}\rtlch\fcs1 \af0 \ltrch\fcs0 \fi-360\li928\lin928 }{\listlevel\levelnfc4\levelnfcn4\leveljc0\leveljcn0\levelfollow0\levelstartat1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89\'02\'0</w:t>
      </w:r>
      <w:r w:rsidRPr="005A1F79">
        <w:rPr>
          <w:rFonts w:ascii="Courier New" w:hAnsi="Courier New" w:cs="Courier New"/>
        </w:rPr>
        <w:t>1.;}{\levelnumbers\'01;}\rtlch\fcs1 \af0 \ltrch\fcs0 \fi-360\li1648\lin1648 }{\listlevel\levelnfc2\levelnfcn2\leveljc2\leveljcn2\levelfollow0\levelstartat1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2.;}{\levelnumbers\'01;}\rtlch\f</w:t>
      </w:r>
      <w:r w:rsidRPr="005A1F79">
        <w:rPr>
          <w:rFonts w:ascii="Courier New" w:hAnsi="Courier New" w:cs="Courier New"/>
        </w:rPr>
        <w:t>cs1 \af0 \ltrch\fcs0 \fi-180\li2368\lin2368 }{\listlevel\levelnfc0\levelnfcn0\leveljc0\leveljcn0\levelfollow0\levelstartat1\levelspace0\levelindent0{\leveltext\leveltemplateid6874727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3.;}{\levelnumbers\'01;}\rtlch\fcs1 \af0 \ltrch\fcs0 \fi-360\li3</w:t>
      </w:r>
      <w:r w:rsidRPr="005A1F79">
        <w:rPr>
          <w:rFonts w:ascii="Courier New" w:hAnsi="Courier New" w:cs="Courier New"/>
        </w:rPr>
        <w:t>088\lin3088 }{\listlevel\levelnfc4\levelnfcn4\leveljc0\leveljcn0\levelfollow0\levelstartat1\levelspace0\levelindent0{\leveltext\leveltemplateid68747289\'02\'04.;}{\levelnumbers\'01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 \ltrch\fcs0 \fi-360\li3808\lin3808 }{\listlevel\levelnf</w:t>
      </w:r>
      <w:r w:rsidRPr="005A1F79">
        <w:rPr>
          <w:rFonts w:ascii="Courier New" w:hAnsi="Courier New" w:cs="Courier New"/>
        </w:rPr>
        <w:t xml:space="preserve">c2\levelnfcn2\leveljc2\leveljcn2\levelfollow0\levelstartat1\levelspace0\levelindent0{\leveltext\leveltemplateid68747291\'02\'05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180\li4528\lin4528 }{\listlevel\levelnfc0\levelnfcn0\leveljc0\leveljcn0</w:t>
      </w:r>
      <w:r w:rsidRPr="005A1F79">
        <w:rPr>
          <w:rFonts w:ascii="Courier New" w:hAnsi="Courier New" w:cs="Courier New"/>
        </w:rPr>
        <w:t>\levelfollow0\levelstartat1\levelspace0\levelindent0{\leveltext\leveltemplateid68747279\'02\'06.;}{\levelnumbers\'01;}\rtlch\fcs1 \af0 \ltrch\fcs0 \fi-360\li5248\lin5248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4\levelnfcn4\leveljc0\leveljcn0\levelfollow0\levelstartat1\leve</w:t>
      </w:r>
      <w:r w:rsidRPr="005A1F79">
        <w:rPr>
          <w:rFonts w:ascii="Courier New" w:hAnsi="Courier New" w:cs="Courier New"/>
        </w:rPr>
        <w:t>lspace0\levelindent0{\leveltext\leveltemplateid68747289\'02\'07.;}{\levelnumbers\'01;}\rtlch\fcs1 \af0 \ltrch\fcs0 \fi-360\li5968\lin5968 }{\listlevel\levelnfc2\levelnfcn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2\leveljcn2\levelfollow0\levelstartat1\levelspace0\levelindent0{\leveltext\</w:t>
      </w:r>
      <w:r w:rsidRPr="005A1F79">
        <w:rPr>
          <w:rFonts w:ascii="Courier New" w:hAnsi="Courier New" w:cs="Courier New"/>
        </w:rPr>
        <w:t>leveltemplateid68747291\'02\'08.;}{\levelnumbers\'01;}\rtlch\fcs1 \af0 \ltrch\fcs0 \fi-180\li6688\lin6688 }{\listname ;}\listid152840754}{\list\listtemplateid-46001943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isthybrid{\listlevel\levelnfc0\levelnfcn0\leveljc0\leveljcn0\levelfollow0\levelstart</w:t>
      </w:r>
      <w:r w:rsidRPr="005A1F79">
        <w:rPr>
          <w:rFonts w:ascii="Courier New" w:hAnsi="Courier New" w:cs="Courier New"/>
        </w:rPr>
        <w:t>at1\levelspace0\levelindent0{\leveltext\leveltemplateid68747279\'02\'00.;}{\levelnumbers\'01;}\rtlch\fcs1 \af0 \ltrch\fcs0 \fi-360\li900\lin900 }{\listlevel\levelnfc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n4\leveljc0\leveljcn0\levelfollow0\levelstartat1\lvltentative\levelspace0\level</w:t>
      </w:r>
      <w:r w:rsidRPr="005A1F79">
        <w:rPr>
          <w:rFonts w:ascii="Courier New" w:hAnsi="Courier New" w:cs="Courier New"/>
        </w:rPr>
        <w:t>indent0{\leveltext\leveltemplateid68747289\'02\'01.;}{\levelnumbers\'01;}\rtlch\fcs1 \af0 \ltrch\fcs0 \fi-360\li1620\lin1620 }{\listlevel\levelnfc2\levelnfcn2\leveljc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2\levelfollow0\levelstartat1\lvltentative\levelspace0\levelindent0{\leveltext\</w:t>
      </w:r>
      <w:r w:rsidRPr="005A1F79">
        <w:rPr>
          <w:rFonts w:ascii="Courier New" w:hAnsi="Courier New" w:cs="Courier New"/>
        </w:rPr>
        <w:t>leveltemplateid68747291\'02\'02.;}{\levelnumbers\'01;}\rtlch\fcs1 \af0 \ltrch\fcs0 \fi-180\li2340\lin2340 }{\listlevel\levelnfc0\levelnfcn0\leveljc0\leveljcn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vltentative\levelspace0\levelindent0{\leveltext\leveltemplateid6874</w:t>
      </w:r>
      <w:r w:rsidRPr="005A1F79">
        <w:rPr>
          <w:rFonts w:ascii="Courier New" w:hAnsi="Courier New" w:cs="Courier New"/>
        </w:rPr>
        <w:t>7279\'02\'03.;}{\levelnumbers\'01;}\rtlch\fcs1 \af0 \ltrch\fcs0 \fi-360\li3060\lin3060 }{\listlevel\levelnfc4\levelnfcn4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89\'02\'04.;}{\le</w:t>
      </w:r>
      <w:r w:rsidRPr="005A1F79">
        <w:rPr>
          <w:rFonts w:ascii="Courier New" w:hAnsi="Courier New" w:cs="Courier New"/>
        </w:rPr>
        <w:t>velnumbers\'01;}\rtlch\fcs1 \af0 \ltrch\fcs0 \fi-360\li3780\lin3780 }{\listlevel\levelnfc2\levelnfcn2\leveljc2\leveljcn2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0\levelindent0{\leveltext\leveltemplateid68747291\'02\'05.;}{\levelnumbers\'01;}\rt</w:t>
      </w:r>
      <w:r w:rsidRPr="005A1F79">
        <w:rPr>
          <w:rFonts w:ascii="Courier New" w:hAnsi="Courier New" w:cs="Courier New"/>
        </w:rPr>
        <w:t>lch\fcs1 \af0 \ltrch\fcs0 \fi-180\li4500\lin4500 }{\listlevel\levelnfc0\levelnfcn0\leveljc0\leveljcn0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leveltemplateid68747279\'02\'06.;}{\levelnumbers\'01;}\rtlch\fcs1 \af0 \ltrc</w:t>
      </w:r>
      <w:r w:rsidRPr="005A1F79">
        <w:rPr>
          <w:rFonts w:ascii="Courier New" w:hAnsi="Courier New" w:cs="Courier New"/>
        </w:rPr>
        <w:t>h\fcs0 \fi-360\li5220\lin5220 }{\listlevel\levelnfc4\levelnfcn4\leveljc0\leveljcn0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89\'02\'07.;}{\levelnumbers\'01;}\rtlch\fcs1 \af0 \ltrch\fcs0 \fi-360\li59</w:t>
      </w:r>
      <w:r w:rsidRPr="005A1F79">
        <w:rPr>
          <w:rFonts w:ascii="Courier New" w:hAnsi="Courier New" w:cs="Courier New"/>
        </w:rPr>
        <w:t>40\lin5940 }{\listlevel\levelnfc2\levelnfcn2\leveljc2\leveljcn2\levelfollow0\levelstartat1\lvltentative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91\'02\'08.;}{\levelnumbers\'01;}\rtlch\fcs1 \af0 \ltrch\fcs0 \fi-180\li6660\lin6660 }{\listn</w:t>
      </w:r>
      <w:r w:rsidRPr="005A1F79">
        <w:rPr>
          <w:rFonts w:ascii="Courier New" w:hAnsi="Courier New" w:cs="Courier New"/>
        </w:rPr>
        <w:t>ame ;}\listid180551690}{\list\listtemplateid-798296464\listhybrid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evelspace0\levelindent0{\leveltext\leveltemplateid-271692586\'02\'00.;}{\levelnumbers\'01;}\rtlch\fcs1 \af0 \</w:t>
      </w:r>
      <w:r w:rsidRPr="005A1F79">
        <w:rPr>
          <w:rFonts w:ascii="Courier New" w:hAnsi="Courier New" w:cs="Courier New"/>
        </w:rPr>
        <w:t>ltrch\fcs0 \b0\fbias0 \fi-360\li720\jclisttab\tx720\lin720 }{\listlevel\levelnfc4\levelnfcn4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evelstartat1\lvltentative\levelspace0\levelindent0{\leveltext\leveltemplateid68747289\'02\'01.;}{\levelnumbers\'01;}\rtlch\fcs1 </w:t>
      </w:r>
      <w:r w:rsidRPr="005A1F79">
        <w:rPr>
          <w:rFonts w:ascii="Courier New" w:hAnsi="Courier New" w:cs="Courier New"/>
        </w:rPr>
        <w:t>\af0 \ltrch\fcs0 \fi-360\li1440\jclisttab\tx1440\lin1440 }{\listlevel\levelnfc2\levelnfcn2\leveljc2\leveljcn2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91\'02\'02.;}{\levelnumbers\'01;}\rtlch\fcs1 \a</w:t>
      </w:r>
      <w:r w:rsidRPr="005A1F79">
        <w:rPr>
          <w:rFonts w:ascii="Courier New" w:hAnsi="Courier New" w:cs="Courier New"/>
        </w:rPr>
        <w:t>f0 \ltrch\fcs0 \fi-180\li2160\jclisttab\tx2160\lin2160 }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79\'02\'03.;}{\levelnumbers\'01;}\rtlch\fcs1 \af0</w:t>
      </w:r>
      <w:r w:rsidRPr="005A1F79">
        <w:rPr>
          <w:rFonts w:ascii="Courier New" w:hAnsi="Courier New" w:cs="Courier New"/>
        </w:rPr>
        <w:t xml:space="preserve"> \ltrch\fcs0 \fi-360\li2880\jclisttab\tx2880\lin2880 }{\listlevel\levelnfc4\levelnfcn4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89\'02\'04.;}{\levelnumbers\'01;}\rtlch\fcs1 \af0 \</w:t>
      </w:r>
      <w:r w:rsidRPr="005A1F79">
        <w:rPr>
          <w:rFonts w:ascii="Courier New" w:hAnsi="Courier New" w:cs="Courier New"/>
        </w:rPr>
        <w:t>ltrch\fcs0 \fi-360\li3600\jclisttab\tx3600\lin3600 }{\listlevel\levelnfc2\levelnfcn2\leveljc2\leveljcn2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91\'02\'05.;}{\levelnumbers\'01;}\rtlch\fcs1 \af0 \lt</w:t>
      </w:r>
      <w:r w:rsidRPr="005A1F79">
        <w:rPr>
          <w:rFonts w:ascii="Courier New" w:hAnsi="Courier New" w:cs="Courier New"/>
        </w:rPr>
        <w:t>rch\fcs0 \fi-180\li4320\jclisttab\tx4320\lin4320 }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79\'02\'06.;}{\levelnumbers\'01;}\rtlch\fcs1 \af0 \ltrc</w:t>
      </w:r>
      <w:r w:rsidRPr="005A1F79">
        <w:rPr>
          <w:rFonts w:ascii="Courier New" w:hAnsi="Courier New" w:cs="Courier New"/>
        </w:rPr>
        <w:t>h\fcs0 \fi-360\li5040\jclisttab\tx5040\lin5040 }{\listlevel\levelnfc4\levelnfcn4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89\'02\'07.;}{\levelnumbers\'01;}\rtlch\fcs1 \af0 \ltrch\</w:t>
      </w:r>
      <w:r w:rsidRPr="005A1F79">
        <w:rPr>
          <w:rFonts w:ascii="Courier New" w:hAnsi="Courier New" w:cs="Courier New"/>
        </w:rPr>
        <w:t>fcs0 \fi-360\li5760\jclisttab\tx5760\lin5760 }{\listlevel\levelnfc2\levelnfcn2\leveljc2\leveljcn2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91\'02\'08.;}{\levelnumbers\'01;}\rtlch\fcs1 \af0 \ltrch\fc</w:t>
      </w:r>
      <w:r w:rsidRPr="005A1F79">
        <w:rPr>
          <w:rFonts w:ascii="Courier New" w:hAnsi="Courier New" w:cs="Courier New"/>
        </w:rPr>
        <w:t>s0 \fi-180\li6480\jclisttab\tx6480\lin6480 }{\listname ;}\listid211624994}{\list\listtemplateid-69846137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isthybrid{\listlevel\levelnfc23\levelnfcn23\leveljc0\leveljcn0\levelfollow0\levelstartat1\levelspace360\levelindent0{\leveltext\leveltemplateid6874</w:t>
      </w:r>
      <w:r w:rsidRPr="005A1F79">
        <w:rPr>
          <w:rFonts w:ascii="Courier New" w:hAnsi="Courier New" w:cs="Courier New"/>
        </w:rPr>
        <w:t>7265\'01{\uc1\u-3913 ?};}{\levelnumbers;}\f3\fbias0 \fi-360\li720\lin720 }{\listlevel\levelnfc2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n23\leveljc0\leveljcn0\levelfollow0\levelstartat1\lvltentative\levelspace360\levelindent0{\leveltext\leveltemplateid68747267\'01o;}{\levelnumbers;}\f</w:t>
      </w:r>
      <w:r w:rsidRPr="005A1F79">
        <w:rPr>
          <w:rFonts w:ascii="Courier New" w:hAnsi="Courier New" w:cs="Courier New"/>
        </w:rPr>
        <w:t>2\fbias0 \fi-360\li1440\lin1440 }{\listlevel\levelnfc23\levelnfcn23\leveljc0\leveljcn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vltentative\levelspace360\levelindent0{\leveltext\leveltemplateid68747269\'01{\uc1\u-3929 ?};}{\levelnumbers;}\f10\fbias0 \fi-360\li2160\li</w:t>
      </w:r>
      <w:r w:rsidRPr="005A1F79">
        <w:rPr>
          <w:rFonts w:ascii="Courier New" w:hAnsi="Courier New" w:cs="Courier New"/>
        </w:rPr>
        <w:t>n2160 }{\listlevel\levelnfc23\levelnfcn23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360\levelindent0{\leveltext\leveltemplateid68747265\'01{\uc1\u-3913 ?};}{\levelnumbers;}\f3\fbias0 \fi-360\li2880\lin2880 }{\listlevel\levelnfc</w:t>
      </w:r>
      <w:r w:rsidRPr="005A1F79">
        <w:rPr>
          <w:rFonts w:ascii="Courier New" w:hAnsi="Courier New" w:cs="Courier New"/>
        </w:rPr>
        <w:t>23\levelnfcn23\leveljc0\leveljcn0\levelfollow0\levelstartat1\lvltentative\levelspace36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67\'01o;}{\levelnumbers;}\f2\fbias0 \fi-360\li3600\lin3600 }{\listlevel\levelnfc23\levelnfcn23\leveljc0\leveljcn0\levelfo</w:t>
      </w:r>
      <w:r w:rsidRPr="005A1F79">
        <w:rPr>
          <w:rFonts w:ascii="Courier New" w:hAnsi="Courier New" w:cs="Courier New"/>
        </w:rPr>
        <w:t>llow0\levelstartat1\lvltentative\levelspace36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9\'01{\uc1\u-3929 ?};}{\levelnumbers;}\f10\fbias0 \fi-360\li4320\lin4320 }{\listlevel\levelnfc23\levelnfcn23\leveljc0\leveljcn0\levelfollow0\levelstartat1\lvlten</w:t>
      </w:r>
      <w:r w:rsidRPr="005A1F79">
        <w:rPr>
          <w:rFonts w:ascii="Courier New" w:hAnsi="Courier New" w:cs="Courier New"/>
        </w:rPr>
        <w:t>tative\levelspace360\levelindent0{\leveltext\leveltemplateid687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5040\lin5040 }{\listlevel\levelnfc23\levelnfcn23\leveljc0\leveljcn0\levelfollow0\levelstartat1\lvltentative\levelspace360\leveli</w:t>
      </w:r>
      <w:r w:rsidRPr="005A1F79">
        <w:rPr>
          <w:rFonts w:ascii="Courier New" w:hAnsi="Courier New" w:cs="Courier New"/>
        </w:rPr>
        <w:t>ndent0{\leveltext\leveltemplateid68747267\'01o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2\fbias0 \fi-360\li5760\lin5760 }{\listlevel\levelnfc23\levelnfcn23\leveljc0\leveljcn0\levelfollow0\levelstartat1\lvltentative\levelspace360\levelindent0{\leveltext\leveltemplateid68747269</w:t>
      </w:r>
      <w:r w:rsidRPr="005A1F79">
        <w:rPr>
          <w:rFonts w:ascii="Courier New" w:hAnsi="Courier New" w:cs="Courier New"/>
        </w:rPr>
        <w:t xml:space="preserve">\'01{\uc1\u-3929 ?};}{\l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6480\lin6480 }{\listname ;}\listid221406468}{\list\listtemplateid-1143951480\listhybrid{\listlevel\levelnfc23\levelnfcn23\leveljc0\leveljcn0\levelfollow0\levelstartat1\levelspace0\levelindent0{\l</w:t>
      </w:r>
      <w:r w:rsidRPr="005A1F79">
        <w:rPr>
          <w:rFonts w:ascii="Courier New" w:hAnsi="Courier New" w:cs="Courier New"/>
        </w:rPr>
        <w:t>eveltext\leveltemplateid687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1440\lin1440 }{\listlevel\levelnfc23\levelnfcn23\leveljc0\leveljcn0\levelfollow0\levelstartat1\lvltentative\levelspace0\levelindent0{\leveltext\leveltemplateid68747</w:t>
      </w:r>
      <w:r w:rsidRPr="005A1F79">
        <w:rPr>
          <w:rFonts w:ascii="Courier New" w:hAnsi="Courier New" w:cs="Courier New"/>
        </w:rPr>
        <w:t>267\'01o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2\fbias0 \fi-360\li2160\lin2160 }{\listlevel\levelnfc23\levelnfcn23\leveljc0\leveljcn0\levelfollow0\levelstartat1\lvltentative\levelspace0\levelindent0{\leveltext\leveltemplateid68747269\'01{\uc1\u-3929 ?};}{\levelnumbers;}\f1</w:t>
      </w:r>
      <w:r w:rsidRPr="005A1F79">
        <w:rPr>
          <w:rFonts w:ascii="Courier New" w:hAnsi="Courier New" w:cs="Courier New"/>
        </w:rPr>
        <w:t xml:space="preserve">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2880\lin2880 }{\listlevel\levelnfc23\levelnfcn23\leveljc0\leveljcn0\levelfollow0\levelstartat1\lvltentative\levelspace0\levelindent0{\leveltext\leveltemplateid68747265\'01{\uc1\u-3913 ?};}{\levelnumbers;}\f3\fbias0 \fi-360\li3600\lin36</w:t>
      </w:r>
      <w:r w:rsidRPr="005A1F79">
        <w:rPr>
          <w:rFonts w:ascii="Courier New" w:hAnsi="Courier New" w:cs="Courier New"/>
        </w:rPr>
        <w:t>00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3\levelnfcn23\leveljc0\leveljcn0\levelfollow0\levelstartat1\lvltentative\levelspace0\levelindent0{\leveltext\leveltemplateid68747267\'01o;}{\levelnumbers;}\f2\fbias0 \fi-360\li4320\lin4320 }{\listlevel\levelnfc23\levelnfcn23\leve</w:t>
      </w:r>
      <w:r w:rsidRPr="005A1F79">
        <w:rPr>
          <w:rFonts w:ascii="Courier New" w:hAnsi="Courier New" w:cs="Courier New"/>
        </w:rPr>
        <w:t>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vltentative\levelspace0\levelindent0{\leveltext\leveltemplateid68747269\'01{\uc1\u-3929 ?};}{\levelnumbers;}\f10\fbias0 \fi-360\li5040\lin5040 }{\listlevel\levelnfc23\levelnfcn23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65\'01{\uc1\u-3913 ?};}{\levelnumbers;}\f3\fbias0 \fi-360\li5760\lin5760 }{\listlevel\levelnfc23\levelnfcn23\leveljc0\leveljcn0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</w:t>
      </w:r>
      <w:r w:rsidRPr="005A1F79">
        <w:rPr>
          <w:rFonts w:ascii="Courier New" w:hAnsi="Courier New" w:cs="Courier New"/>
        </w:rPr>
        <w:t>levelspace0\levelindent0{\leveltext\leveltemplateid68747267\'01o;}{\levelnumbers;}\f2\fbias0 \fi-360\li6480\lin6480 }{\listlevel\levelnfc23\levelnfcn23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</w:t>
      </w:r>
      <w:r w:rsidRPr="005A1F79">
        <w:rPr>
          <w:rFonts w:ascii="Courier New" w:hAnsi="Courier New" w:cs="Courier New"/>
        </w:rPr>
        <w:t>mplateid68747269\'01{\uc1\u-3929 ?};}{\levelnumbers;}\f10\fbias0 \fi-360\li7200\lin7200 }{\listname ;}\listid221601980}{\list\listtemplateid-860423402\listhybrid{\listlevel\levelnfc0\levelnfcn0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</w:t>
      </w:r>
      <w:r w:rsidRPr="005A1F79">
        <w:rPr>
          <w:rFonts w:ascii="Courier New" w:hAnsi="Courier New" w:cs="Courier New"/>
        </w:rPr>
        <w:t>velindent0{\leveltext\leveltemplateid68747279\'02\'00.;}{\levelnumbers\'01;}\rtlch\fcs1 \af0 \ltrch\fcs0 \fi-360\li1188\lin1188 }{\listlevel\levelnfc4\levelnfcn4\leveljc0\leveljcn0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</w:t>
      </w:r>
      <w:r w:rsidRPr="005A1F79">
        <w:rPr>
          <w:rFonts w:ascii="Courier New" w:hAnsi="Courier New" w:cs="Courier New"/>
        </w:rPr>
        <w:t>xt\leveltemplateid68747289\'02\'01.;}{\levelnumbers\'01;}\rtlch\fcs1 \af0 \ltrch\fcs0 \fi-360\li1908\lin1908 }{\listlevel\levelnfc2\levelnfcn2\leveljc2\leveljcn2\levelfollow0\levelstartat1\lvltentative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</w:t>
      </w:r>
      <w:r w:rsidRPr="005A1F79">
        <w:rPr>
          <w:rFonts w:ascii="Courier New" w:hAnsi="Courier New" w:cs="Courier New"/>
        </w:rPr>
        <w:t>8747291\'02\'02.;}{\levelnumbers\'01;}\rtlch\fcs1 \af0 \ltrch\fcs0 \fi-180\li2628\lin2628 }{\listlevel\levelnfc0\levelnfcn0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79\'02\'03.;}{</w:t>
      </w:r>
      <w:r w:rsidRPr="005A1F79">
        <w:rPr>
          <w:rFonts w:ascii="Courier New" w:hAnsi="Courier New" w:cs="Courier New"/>
        </w:rPr>
        <w:t>\levelnumbers\'01;}\rtlch\fcs1 \af0 \ltrch\fcs0 \fi-360\li3348\lin3348 }{\listlevel\levelnfc4\levelnfcn4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89\'02\'04.;}{\levelnumbers\'01;}</w:t>
      </w:r>
      <w:r w:rsidRPr="005A1F79">
        <w:rPr>
          <w:rFonts w:ascii="Courier New" w:hAnsi="Courier New" w:cs="Courier New"/>
        </w:rPr>
        <w:t>\rtlch\fcs1 \af0 \ltrch\fcs0 \fi-360\li4068\lin4068 }{\li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5.;}{\levelnumbers\'01;}\rtlch\fcs1 \af0 \l</w:t>
      </w:r>
      <w:r w:rsidRPr="005A1F79">
        <w:rPr>
          <w:rFonts w:ascii="Courier New" w:hAnsi="Courier New" w:cs="Courier New"/>
        </w:rPr>
        <w:t>trch\fcs0 \fi-180\li4788\lin4788 }{\listlevel\levelnfc0\levelnfcn0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79\'02\'06.;}{\levelnumbers\'01;}\rtlch\fcs1 \af0 \ltrch\fcs0 \fi-360\l</w:t>
      </w:r>
      <w:r w:rsidRPr="005A1F79">
        <w:rPr>
          <w:rFonts w:ascii="Courier New" w:hAnsi="Courier New" w:cs="Courier New"/>
        </w:rPr>
        <w:t>i5508\lin5508 }{\listlevel\levelnfc4\levelnfcn4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89\'02\'07.;}{\levelnumbers\'01;}\rtlch\fcs1 \af0 \ltrch\fcs0 \fi-360\li6228\lin6228 }{\li</w:t>
      </w:r>
      <w:r w:rsidRPr="005A1F79">
        <w:rPr>
          <w:rFonts w:ascii="Courier New" w:hAnsi="Courier New" w:cs="Courier New"/>
        </w:rPr>
        <w:t>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8.;}{\levelnumbers\'01;}\rtlch\fcs1 \af0 \ltrch\fcs0 \fi-180\li6948\lin6948 }{\listname ;}\listid231</w:t>
      </w:r>
      <w:r w:rsidRPr="005A1F79">
        <w:rPr>
          <w:rFonts w:ascii="Courier New" w:hAnsi="Courier New" w:cs="Courier New"/>
        </w:rPr>
        <w:t>162556}{\list\listtemplateid1894159634\listhybrid{\listlevel\levelnfc23\levelnfcn23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evelspace0\levelindent0{\leveltext\leveltemplateid68747265\'01{\uc1\u-3913 ?};}{\levelnumbers;}\f3\fbias0 \fi-360\li720\lin</w:t>
      </w:r>
      <w:r w:rsidRPr="005A1F79">
        <w:rPr>
          <w:rFonts w:ascii="Courier New" w:hAnsi="Courier New" w:cs="Courier New"/>
        </w:rPr>
        <w:t>720 }{\listlevel\levelnfc23\levelnfcn23\leveljc0\leveljcn0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67\'01o;}{\levelnumbers;}\f2\fbias0 \fi-360\li1440\lin1440 }{\listlevel\levelnfc23\levelnfcn23\lev</w:t>
      </w:r>
      <w:r w:rsidRPr="005A1F79">
        <w:rPr>
          <w:rFonts w:ascii="Courier New" w:hAnsi="Courier New" w:cs="Courier New"/>
        </w:rPr>
        <w:t>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9\'01{\uc1\u-3929 ?};}{\levelnumbers;}\f10\fbias0 \fi-360\li2160\lin2160 }{\listlevel\levelnfc23\levelnfcn23\leveljc0\leveljcn0\levelfollow0</w:t>
      </w:r>
      <w:r w:rsidRPr="005A1F79">
        <w:rPr>
          <w:rFonts w:ascii="Courier New" w:hAnsi="Courier New" w:cs="Courier New"/>
        </w:rPr>
        <w:t>\levelstartat1\lvltentative\levelspace0\levelindent0{\leveltext\leveltemplateid687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2880\lin2880 }{\listlevel\levelnfc23\levelnfcn23\leveljc0\leveljcn0\levelfollow0\levelstartat1\lvltentative\l</w:t>
      </w:r>
      <w:r w:rsidRPr="005A1F79">
        <w:rPr>
          <w:rFonts w:ascii="Courier New" w:hAnsi="Courier New" w:cs="Courier New"/>
        </w:rPr>
        <w:t>evelspace0\levelindent0{\leveltext\leveltemplateid68747267\'01o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2\fbias0 \fi-360\li3600\lin3600 }{\listlevel\levelnfc23\levelnfcn23\leveljc0\leveljcn0\levelfollow0\levelstartat1\lvltentative\levelspace0\levelindent0{\leveltext\leveltem</w:t>
      </w:r>
      <w:r w:rsidRPr="005A1F79">
        <w:rPr>
          <w:rFonts w:ascii="Courier New" w:hAnsi="Courier New" w:cs="Courier New"/>
        </w:rPr>
        <w:t xml:space="preserve">plateid68747269\'01{\uc1\u-3929 ?};}{\l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4320\lin4320 }{\listlevel\levelnfc23\levelnfcn23\leveljc0\leveljcn0\levelfollow0\levelstartat1\lvltentative\levelspace0\levelindent0{\leveltext\leveltemplateid68747265\'01{\uc1\u-3</w:t>
      </w:r>
      <w:r w:rsidRPr="005A1F79">
        <w:rPr>
          <w:rFonts w:ascii="Courier New" w:hAnsi="Courier New" w:cs="Courier New"/>
        </w:rPr>
        <w:t>913 ?};}{\levelnumbers;}\f3\fbias0 \fi-360\li5040\lin5040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3\levelnfcn23\leveljc0\leveljcn0\levelfollow0\levelstartat1\lvltentative\levelspace0\levelindent0{\leveltext\leveltemplateid68747267\'01o;}{\levelnumbers;}\f2\fbias0 \fi-360\</w:t>
      </w:r>
      <w:r w:rsidRPr="005A1F79">
        <w:rPr>
          <w:rFonts w:ascii="Courier New" w:hAnsi="Courier New" w:cs="Courier New"/>
        </w:rPr>
        <w:t>li5760\lin5760 }{\listlevel\levelnfc23\levelnfcn23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vltentative\levelspace0\levelindent0{\leveltext\leveltemplateid68747269\'01{\uc1\u-3929 ?};}{\levelnumbers;}\f10\fbias0 \fi-360\li6480\lin6480 }{\listname ;</w:t>
      </w:r>
      <w:r w:rsidRPr="005A1F79">
        <w:rPr>
          <w:rFonts w:ascii="Courier New" w:hAnsi="Courier New" w:cs="Courier New"/>
        </w:rPr>
        <w:t>}\listid248193611}{\list\listtemplateid1003101042\listhybri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3\levelnfcn23\leveljc0\leveljcn0\levelfollow0\levelstartat1\levelspace0\levelindent0{\leveltext\leveltemplateid68747277\'01{\uc1\u-3844 ?};}{\levelnumbers;}\f10\fbias0 \fi-3</w:t>
      </w:r>
      <w:r w:rsidRPr="005A1F79">
        <w:rPr>
          <w:rFonts w:ascii="Courier New" w:hAnsi="Courier New" w:cs="Courier New"/>
        </w:rPr>
        <w:t>60\li720\lin720 }{\listlevel\levelnfc23\levelnfcn23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vltentative\levelspace0\levelindent0{\leveltext\leveltemplateid68747267\'01o;}{\levelnumbers;}\f2\fbias0 \fi-360\li1440\lin1440 }{\listlevel\levelnfc23\lev</w:t>
      </w:r>
      <w:r w:rsidRPr="005A1F79">
        <w:rPr>
          <w:rFonts w:ascii="Courier New" w:hAnsi="Courier New" w:cs="Courier New"/>
        </w:rPr>
        <w:t>elnfcn23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0\levelindent0{\leveltext\leveltemplateid68747269\'01{\uc1\u-3929 ?};}{\levelnumbers;}\f10\fbias0 \fi-360\li2160\lin2160 }{\listlevel\levelnfc23\levelnfcn23\leveljc0\leveljcn0\</w:t>
      </w:r>
      <w:r w:rsidRPr="005A1F79">
        <w:rPr>
          <w:rFonts w:ascii="Courier New" w:hAnsi="Courier New" w:cs="Courier New"/>
        </w:rPr>
        <w:t>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65\'01{\uc1\u-3913 ?};}{\levelnumbers;}\f3\fbias0 \fi-360\li2880\lin2880 }{\listlevel\levelnfc23\levelnfcn23\leveljc0\leveljcn0\levelfollow0\levelstartat1\lv</w:t>
      </w:r>
      <w:r w:rsidRPr="005A1F79">
        <w:rPr>
          <w:rFonts w:ascii="Courier New" w:hAnsi="Courier New" w:cs="Courier New"/>
        </w:rPr>
        <w:t>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7\'01o;}{\levelnumbers;}\f2\fbias0 \fi-360\li3600\lin3600 }{\listlevel\levelnfc23\levelnfcn23\leveljc0\leveljcn0\levelfollow0\levelstartat1\lvltentative\levelspace0\levelindent0{\levelt</w:t>
      </w:r>
      <w:r w:rsidRPr="005A1F79">
        <w:rPr>
          <w:rFonts w:ascii="Courier New" w:hAnsi="Courier New" w:cs="Courier New"/>
        </w:rPr>
        <w:t>ext\leveltemplateid6874726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29 ?};}{\levelnumbers;}\f10\fbias0 \fi-360\li4320\lin4320 }{\listlevel\levelnfc23\levelnfcn23\leveljc0\leveljcn0\levelfollow0\levelstartat1\lvltentative\levelspace0\levelindent0{\leveltext\leveltemplateid687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5040\lin5040 }{\listlevel\levelnfc23\levelnfcn23\leveljc0\leveljcn0\levelfollow0\levelstartat1\lvltentative\levelspace0\levelindent0{\leveltext\leveltemplateid68747267\'01o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2\f</w:t>
      </w:r>
      <w:r w:rsidRPr="005A1F79">
        <w:rPr>
          <w:rFonts w:ascii="Courier New" w:hAnsi="Courier New" w:cs="Courier New"/>
        </w:rPr>
        <w:t xml:space="preserve">bias0 \fi-360\li5760\lin5760 }{\listlevel\levelnfc23\levelnfcn23\leveljc0\leveljcn0\levelfollow0\levelstartat1\lvltentative\levelspace0\levelindent0{\leveltext\leveltemplateid68747269\'01{\uc1\u-3929 ?};}{\l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6480\lin6480</w:t>
      </w:r>
      <w:r w:rsidRPr="005A1F79">
        <w:rPr>
          <w:rFonts w:ascii="Courier New" w:hAnsi="Courier New" w:cs="Courier New"/>
        </w:rPr>
        <w:t xml:space="preserve"> }{\listname ;}\listid441072414}{\list\listtemplateid1122522254\listhybrid{\listlevel\levelnfc0\levelnfcn0\leveljc0\leveljcn0\levelfollow0\levelstartat1\levelspace0\levelindent0{\leveltext\leveltemplateid6874727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0.;}{\levelnumbers\'01;}\rtlch\fcs1</w:t>
      </w:r>
      <w:r w:rsidRPr="005A1F79">
        <w:rPr>
          <w:rFonts w:ascii="Courier New" w:hAnsi="Courier New" w:cs="Courier New"/>
        </w:rPr>
        <w:t xml:space="preserve"> \af0 \ltrch\fcs0 \fbias0 \fi-360\li720\jclisttab\tx720\lin720 }{\listlevel\levelnfc4\levelnfcn4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89\'02\'01.;}{\levelnumbers\'01;}\rtlch\f</w:t>
      </w:r>
      <w:r w:rsidRPr="005A1F79">
        <w:rPr>
          <w:rFonts w:ascii="Courier New" w:hAnsi="Courier New" w:cs="Courier New"/>
        </w:rPr>
        <w:t>cs1 \af0 \ltrch\fcs0 \fi-360\li1440\jclisttab\tx1440\lin1440 }{\li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2.;}{\levelnumbers\'01;}\rtlch\fcs</w:t>
      </w:r>
      <w:r w:rsidRPr="005A1F79">
        <w:rPr>
          <w:rFonts w:ascii="Courier New" w:hAnsi="Courier New" w:cs="Courier New"/>
        </w:rPr>
        <w:t>1 \af0 \ltrch\fcs0 \fi-180\li2160\jclisttab\tx2160\lin2160 }{\listlevel\levelnfc0\levelnfcn0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eveltemplateid68747279\'02\'03.;}{\levelnumbers\'01;}\rtlch\fcs1 </w:t>
      </w:r>
      <w:r w:rsidRPr="005A1F79">
        <w:rPr>
          <w:rFonts w:ascii="Courier New" w:hAnsi="Courier New" w:cs="Courier New"/>
        </w:rPr>
        <w:t>\af0 \ltrch\fcs0 \fi-360\li2880\jclisttab\tx2880\lin2880 }{\listlevel\levelnfc4\levelnfcn4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89\'02\'04.;}{\levelnumbers\'01;}\rtlch\fcs1 \a</w:t>
      </w:r>
      <w:r w:rsidRPr="005A1F79">
        <w:rPr>
          <w:rFonts w:ascii="Courier New" w:hAnsi="Courier New" w:cs="Courier New"/>
        </w:rPr>
        <w:t>f0 \ltrch\fcs0 \fi-360\li3600\jclisttab\tx3600\lin3600 }{\li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5.;}{\levelnumbers\'01;}\rtlch\fcs1 \af0</w:t>
      </w:r>
      <w:r w:rsidRPr="005A1F79">
        <w:rPr>
          <w:rFonts w:ascii="Courier New" w:hAnsi="Courier New" w:cs="Courier New"/>
        </w:rPr>
        <w:t xml:space="preserve"> \ltrch\fcs0 \fi-180\li4320\jclisttab\tx4320\lin4320 }{\listlevel\levelnfc0\levelnfcn0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79\'02\'06.;}{\levelnumbers\'01;}\rtlch\fcs1 \af0 \</w:t>
      </w:r>
      <w:r w:rsidRPr="005A1F79">
        <w:rPr>
          <w:rFonts w:ascii="Courier New" w:hAnsi="Courier New" w:cs="Courier New"/>
        </w:rPr>
        <w:t>ltrch\fcs0 \fi-360\li5040\jclisttab\tx5040\lin5040 }{\listlevel\levelnfc4\levelnfcn4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89\'02\'07.;}{\levelnumbers\'01;}\rtlch\fcs1 \af0 \lt</w:t>
      </w:r>
      <w:r w:rsidRPr="005A1F79">
        <w:rPr>
          <w:rFonts w:ascii="Courier New" w:hAnsi="Courier New" w:cs="Courier New"/>
        </w:rPr>
        <w:t>rch\fcs0 \fi-360\li5760\jclisttab\tx5760\lin5760 }{\li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8.;}{\levelnumbers\'01;}\rtlch\fcs1 \af0 \ltrc</w:t>
      </w:r>
      <w:r w:rsidRPr="005A1F79">
        <w:rPr>
          <w:rFonts w:ascii="Courier New" w:hAnsi="Courier New" w:cs="Courier New"/>
        </w:rPr>
        <w:t>h\fcs0 \fi-180\li6480\jclisttab\tx6480\lin6480 }{\listname ;}\listid465785144}{\list\listtemplateid-985995234\listhybrid{\listlevel\levelnfc23\levelnfcn23\leveljc0\leveljcn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evelspace0\levelindent0{\leveltext\leveltemplateid-1</w:t>
      </w:r>
      <w:r w:rsidRPr="005A1F79">
        <w:rPr>
          <w:rFonts w:ascii="Courier New" w:hAnsi="Courier New" w:cs="Courier New"/>
        </w:rPr>
        <w:t>853089264\'01\'ad;}{\levelnumbers;}\f2\fbias0 \fi-360\li1004\lin1004 }{\listlevel\levelnfc23\levelnfcn23\leveljc0\leveljcn0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leveltemplateid68747267\'01o;}{\levelnumbers;}\f2\fbia</w:t>
      </w:r>
      <w:r w:rsidRPr="005A1F79">
        <w:rPr>
          <w:rFonts w:ascii="Courier New" w:hAnsi="Courier New" w:cs="Courier New"/>
        </w:rPr>
        <w:t>s0 \fi-360\li1724\lin1724 }{\listlevel\levelnfc23\levelnfcn23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9\'01{\uc1\u-3929 ?};}{\levelnumbers;}\f10\fbias0 \fi-360\li2444\lin2444 }{</w:t>
      </w:r>
      <w:r w:rsidRPr="005A1F79">
        <w:rPr>
          <w:rFonts w:ascii="Courier New" w:hAnsi="Courier New" w:cs="Courier New"/>
        </w:rPr>
        <w:t>\listlevel\levelnfc23\levelnfcn23\leveljc0\leveljcn0\levelfollow0\levelstartat1\lvltentative\levelspace0\levelindent0{\leveltext\leveltemplateid687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3164\lin3164 }{\listlevel\levelnfc23\levelnf</w:t>
      </w:r>
      <w:r w:rsidRPr="005A1F79">
        <w:rPr>
          <w:rFonts w:ascii="Courier New" w:hAnsi="Courier New" w:cs="Courier New"/>
        </w:rPr>
        <w:t>cn23\leveljc0\leveljcn0\levelfollow0\levelstartat1\lvltentative\levelspace0\levelindent0{\leveltext\leveltemplateid68747267\'01o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2\fbias0 \fi-360\li3884\lin3884 }{\listlevel\levelnfc23\levelnfcn23\leveljc0\leveljcn0\levelfollow0\levels</w:t>
      </w:r>
      <w:r w:rsidRPr="005A1F79">
        <w:rPr>
          <w:rFonts w:ascii="Courier New" w:hAnsi="Courier New" w:cs="Courier New"/>
        </w:rPr>
        <w:t xml:space="preserve">tartat1\lvltentative\levelspace0\levelindent0{\leveltext\leveltemplateid68747269\'01{\uc1\u-3929 ?};}{\l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4604\lin4604 }{\listlevel\levelnfc23\levelnfcn23\leveljc0\leveljcn0\levelfollow0\levelstartat1\lvltentative\levelsp</w:t>
      </w:r>
      <w:r w:rsidRPr="005A1F79">
        <w:rPr>
          <w:rFonts w:ascii="Courier New" w:hAnsi="Courier New" w:cs="Courier New"/>
        </w:rPr>
        <w:t>ace0\levelindent0{\leveltext\leveltemplateid68747265\'01{\uc1\u-3913 ?};}{\levelnumbers;}\f3\fbias0 \fi-360\li5324\lin5324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3\levelnfcn23\leveljc0\leveljcn0\levelfollow0\levelstartat1\lvltentative\levelspace0\levelindent0{\leveltext\</w:t>
      </w:r>
      <w:r w:rsidRPr="005A1F79">
        <w:rPr>
          <w:rFonts w:ascii="Courier New" w:hAnsi="Courier New" w:cs="Courier New"/>
        </w:rPr>
        <w:t>leveltemplateid68747267\'01o;}{\levelnumbers;}\f2\fbias0 \fi-360\li6044\lin6044 }{\listlevel\levelnfc23\levelnfcn23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vltentative\levelspace0\levelindent0{\leveltext\leveltemplateid68747269\'01{\uc1\u-3929 ?};</w:t>
      </w:r>
      <w:r w:rsidRPr="005A1F79">
        <w:rPr>
          <w:rFonts w:ascii="Courier New" w:hAnsi="Courier New" w:cs="Courier New"/>
        </w:rPr>
        <w:t>}{\levelnumbers;}\f10\fbias0 \fi-360\li6764\lin6764 }{\listname ;}\listid530343067}{\list\listtemplateid-746953512\listhybri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0\levelnfcn0\leveljc0\leveljcn0\levelfollow0\levelstartat1\levelspace57\levelindent0{\leveltext\leveltemplate</w:t>
      </w:r>
      <w:r w:rsidRPr="005A1F79">
        <w:rPr>
          <w:rFonts w:ascii="Courier New" w:hAnsi="Courier New" w:cs="Courier New"/>
        </w:rPr>
        <w:t>id110408660\'02\'00.;}{\levelnumbers\'01;}\rtlch\fcs1 \af0 \ltrch\fcs0 \fbias0 \fi-360\li417\lin417 }{\listlevel\levelnfc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n4\leveljc0\leveljcn0\levelfollow0\levelstartat1\lvltentative\levelspace0\levelindent0{\leveltext\leveltemplateid68747289\'</w:t>
      </w:r>
      <w:r w:rsidRPr="005A1F79">
        <w:rPr>
          <w:rFonts w:ascii="Courier New" w:hAnsi="Courier New" w:cs="Courier New"/>
        </w:rPr>
        <w:t>02\'01.;}{\levelnumbers\'01;}\rtlch\fcs1 \af0 \ltrch\fcs0 \fi-360\li1137\lin1137 }{\listlevel\levelnfc2\levelnfcn2\leveljc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2\levelfollow0\levelstartat1\lvltentative\levelspace0\levelindent0{\leveltext\leveltemplateid68747291\'02\'02.;}{\levelnum</w:t>
      </w:r>
      <w:r w:rsidRPr="005A1F79">
        <w:rPr>
          <w:rFonts w:ascii="Courier New" w:hAnsi="Courier New" w:cs="Courier New"/>
        </w:rPr>
        <w:t>bers\'01;}\rtlch\fcs1 \af0 \ltrch\fcs0 \fi-180\li1857\lin1857 }{\listlevel\levelnfc0\levelnfcn0\leveljc0\leveljcn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vltentative\levelspace0\levelindent0{\leveltext\leveltemplateid68747279\'02\'03.;}{\levelnumbers\'01;}\rtlch\fc</w:t>
      </w:r>
      <w:r w:rsidRPr="005A1F79">
        <w:rPr>
          <w:rFonts w:ascii="Courier New" w:hAnsi="Courier New" w:cs="Courier New"/>
        </w:rPr>
        <w:t>s1 \af0 \ltrch\fcs0 \fi-360\li2577\lin2577 }{\listlevel\levelnfc4\levelnfcn4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89\'02\'04.;}{\levelnumbers\'01;}\rtlch\fcs1 \af0 \ltrch\fcs0</w:t>
      </w:r>
      <w:r w:rsidRPr="005A1F79">
        <w:rPr>
          <w:rFonts w:ascii="Courier New" w:hAnsi="Courier New" w:cs="Courier New"/>
        </w:rPr>
        <w:t xml:space="preserve"> \fi-360\li3297\lin3297 }{\listlevel\levelnfc2\levelnfcn2\leveljc2\leveljcn2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0\levelindent0{\leveltext\leveltemplateid68747291\'02\'05.;}{\levelnumbers\'01;}\rtlch\fcs1 \af0 \ltrch\fcs0 \fi-180\li4017\lin</w:t>
      </w:r>
      <w:r w:rsidRPr="005A1F79">
        <w:rPr>
          <w:rFonts w:ascii="Courier New" w:hAnsi="Courier New" w:cs="Courier New"/>
        </w:rPr>
        <w:t>4017 }{\listlevel\levelnfc0\levelnfcn0\leveljc0\leveljcn0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leveltemplateid68747279\'02\'06.;}{\levelnumbers\'01;}\rtlch\fcs1 \af0 \ltrch\fcs0 \fi-360\li4737\lin4737 }{\listlevel\l</w:t>
      </w:r>
      <w:r w:rsidRPr="005A1F79">
        <w:rPr>
          <w:rFonts w:ascii="Courier New" w:hAnsi="Courier New" w:cs="Courier New"/>
        </w:rPr>
        <w:t>evelnfc4\levelnfcn4\leveljc0\leveljcn0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89\'02\'07.;}{\levelnumbers\'01;}\rtlch\fcs1 \af0 \ltrch\fcs0 \fi-360\li5457\lin5457 }{\listlevel\levelnfc2\levelnfcn2</w:t>
      </w:r>
      <w:r w:rsidRPr="005A1F79">
        <w:rPr>
          <w:rFonts w:ascii="Courier New" w:hAnsi="Courier New" w:cs="Courier New"/>
        </w:rPr>
        <w:t>\leveljc2\leveljcn2\levelfollow0\levelstartat1\lvltentative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91\'02\'08.;}{\levelnumbers\'01;}\rtlch\fcs1 \af0 \ltrch\fcs0 \fi-180\li6177\lin6177 }{\listname ;}\listid774599217}{\list\listtemplateid</w:t>
      </w:r>
      <w:r w:rsidRPr="005A1F79">
        <w:rPr>
          <w:rFonts w:ascii="Courier New" w:hAnsi="Courier New" w:cs="Courier New"/>
        </w:rPr>
        <w:t>-2115732506\listhybrid{\listlevel\levelnfc0\levelnfcn0\leveljc0\leveljcn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evelspace0\levelindent0{\leveltext\leveltemplateid68747279\'02\'00.;}{\levelnumbers\'01;}\rtlch\fcs1 \af0 \ltrch\fcs0 \fbias0 \fi-360\li720\lin720 }{\li</w:t>
      </w:r>
      <w:r w:rsidRPr="005A1F79">
        <w:rPr>
          <w:rFonts w:ascii="Courier New" w:hAnsi="Courier New" w:cs="Courier New"/>
        </w:rPr>
        <w:t>stlevel\levelnfc4\levelnfcn4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0\levelindent0{\leveltext\leveltemplateid68747289\'02\'01.;}{\levelnumbers\'01;}\rtlch\fcs1 \af0 \ltrch\fcs0 \fi-360\li1440\lin1440 }{\listlevel\levelnfc2\l</w:t>
      </w:r>
      <w:r w:rsidRPr="005A1F79">
        <w:rPr>
          <w:rFonts w:ascii="Courier New" w:hAnsi="Courier New" w:cs="Courier New"/>
        </w:rPr>
        <w:t>evelnfcn2\leveljc2\leveljcn2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leveltemplateid68747291\'02\'02.;}{\levelnumbers\'01;}\rtlch\fcs1 \af0 \ltrch\fcs0 \fi-180\li2160\lin2160 }{\listlevel\levelnfc0\levelnfcn0\leveljc0\</w:t>
      </w:r>
      <w:r w:rsidRPr="005A1F79">
        <w:rPr>
          <w:rFonts w:ascii="Courier New" w:hAnsi="Courier New" w:cs="Courier New"/>
        </w:rPr>
        <w:t>leveljcn0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79\'02\'03.;}{\levelnumbers\'01;}\rtlch\fcs1 \af0 \ltrch\fcs0 \fi-360\li2880\lin2880 }{\listlevel\levelnfc4\levelnfcn4\leveljc0\leveljcn0\levelfoll</w:t>
      </w:r>
      <w:r w:rsidRPr="005A1F79">
        <w:rPr>
          <w:rFonts w:ascii="Courier New" w:hAnsi="Courier New" w:cs="Courier New"/>
        </w:rPr>
        <w:t>ow0\levelstartat1\lvltentative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89\'02\'04.;}{\levelnumbers\'01;}\rtlch\fcs1 \af0 \ltrch\fcs0 \fi-360\li3600\lin3600 }{\listlevel\levelnfc2\levelnfcn2\leveljc2\leveljcn2\levelfollow0\levelstartat1\l</w:t>
      </w:r>
      <w:r w:rsidRPr="005A1F79">
        <w:rPr>
          <w:rFonts w:ascii="Courier New" w:hAnsi="Courier New" w:cs="Courier New"/>
        </w:rPr>
        <w:t>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5.;}{\levelnumbers\'01;}\rtlch\fcs1 \af0 \ltrch\fcs0 \fi-180\li4320\lin4320 }{\listlevel\levelnfc0\levelnfcn0\leveljc0\leveljcn0\levelfollow0\levelstartat1\lvltentative\levelsp</w:t>
      </w:r>
      <w:r w:rsidRPr="005A1F79">
        <w:rPr>
          <w:rFonts w:ascii="Courier New" w:hAnsi="Courier New" w:cs="Courier New"/>
        </w:rPr>
        <w:t>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79\'02\'06.;}{\levelnumbers\'01;}\rtlch\fcs1 \af0 \ltrch\fcs0 \fi-360\li5040\lin5040 }{\listlevel\levelnfc4\levelnfcn4\leveljc0\leveljcn0\levelfollow0\levelstartat1\lvltentative\levelspace0\levelindent0{\</w:t>
      </w:r>
      <w:r w:rsidRPr="005A1F79">
        <w:rPr>
          <w:rFonts w:ascii="Courier New" w:hAnsi="Courier New" w:cs="Courier New"/>
        </w:rPr>
        <w:t>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89\'02\'07.;}{\levelnumbers\'01;}\rtlch\fcs1 \af0 \ltrch\fcs0 \fi-360\li5760\lin5760 }{\li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</w:t>
      </w:r>
      <w:r w:rsidRPr="005A1F79">
        <w:rPr>
          <w:rFonts w:ascii="Courier New" w:hAnsi="Courier New" w:cs="Courier New"/>
        </w:rPr>
        <w:t>mplateid68747291\'02\'08.;}{\levelnumbers\'01;}\rtlch\fcs1 \af0 \ltrch\fcs0 \fi-180\li6480\lin6480 }{\listname ;}\listid780879535}{\list\listtemplateid2104154734\listhybrid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ev</w:t>
      </w:r>
      <w:r w:rsidRPr="005A1F79">
        <w:rPr>
          <w:rFonts w:ascii="Courier New" w:hAnsi="Courier New" w:cs="Courier New"/>
        </w:rPr>
        <w:t>elspace0\levelindent0{\leveltext\leveltemplateid1700969022\'02\'00.;}{\levelnumbers\'01;}\rtlch\fcs1 \af0 \ltrch\fcs0 \fs20\cf1\fbias0 \fi-360\li1080\lin1080 }{\listlevel\levelnfc4\levelnfcn4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</w:t>
      </w:r>
      <w:r w:rsidRPr="005A1F79">
        <w:rPr>
          <w:rFonts w:ascii="Courier New" w:hAnsi="Courier New" w:cs="Courier New"/>
        </w:rPr>
        <w:t>elspace0\levelindent0{\leveltext\leveltemplateid68747289\'02\'01.;}{\levelnumbers\'01;}\rtlch\fcs1 \af0 \ltrch\fcs0 \fi-360\li1800\lin1800 }{\listlevel\levelnfc2\levelnfcn2\leveljc2\leveljcn2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</w:t>
      </w:r>
      <w:r w:rsidRPr="005A1F79">
        <w:rPr>
          <w:rFonts w:ascii="Courier New" w:hAnsi="Courier New" w:cs="Courier New"/>
        </w:rPr>
        <w:t>t0{\leveltext\leveltemplateid68747291\'02\'02.;}{\levelnumbers\'01;}\rtlch\fcs1 \af0 \ltrch\fcs0 \fi-180\li2520\lin2520 }{\listlevel\levelnfc0\levelnfcn0\leveljc0\leveljcn0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</w:t>
      </w:r>
      <w:r w:rsidRPr="005A1F79">
        <w:rPr>
          <w:rFonts w:ascii="Courier New" w:hAnsi="Courier New" w:cs="Courier New"/>
        </w:rPr>
        <w:t>templateid68747279\'02\'03.;}{\levelnumbers\'01;}\rtlch\fcs1 \af0 \ltrch\fcs0 \fi-360\li3240\lin3240 }{\listlevel\levelnfc4\levelnfcn4\leveljc0\leveljcn0\levelfollow0\levelstartat1\lvltentative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89\</w:t>
      </w:r>
      <w:r w:rsidRPr="005A1F79">
        <w:rPr>
          <w:rFonts w:ascii="Courier New" w:hAnsi="Courier New" w:cs="Courier New"/>
        </w:rPr>
        <w:t>'02\'04.;}{\levelnumbers\'01;}\rtlch\fcs1 \af0 \ltrch\fcs0 \fi-360\li3960\lin3960 }{\li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5.;}{\levelnu</w:t>
      </w:r>
      <w:r w:rsidRPr="005A1F79">
        <w:rPr>
          <w:rFonts w:ascii="Courier New" w:hAnsi="Courier New" w:cs="Courier New"/>
        </w:rPr>
        <w:t>mbers\'01;}\rtlch\fcs1 \af0 \ltrch\fcs0 \fi-180\li4680\lin4680 }{\listlevel\levelnfc0\levelnfcn0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79\'02\'06.;}{\levelnumbers\'01;}\rtlch\f</w:t>
      </w:r>
      <w:r w:rsidRPr="005A1F79">
        <w:rPr>
          <w:rFonts w:ascii="Courier New" w:hAnsi="Courier New" w:cs="Courier New"/>
        </w:rPr>
        <w:t>cs1 \af0 \ltrch\fcs0 \fi-360\li5400\lin5400 }{\listlevel\levelnfc4\levelnfcn4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89\'02\'07.;}{\levelnumbers\'01;}\rtlch\fcs1 \af0 \ltrch\fcs</w:t>
      </w:r>
      <w:r w:rsidRPr="005A1F79">
        <w:rPr>
          <w:rFonts w:ascii="Courier New" w:hAnsi="Courier New" w:cs="Courier New"/>
        </w:rPr>
        <w:t>0 \fi-360\li6120\lin6120 }{\li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8.;}{\levelnumbers\'01;}\rtlch\fcs1 \af0 \ltrch\fcs0 \fi-180\li6840\li</w:t>
      </w:r>
      <w:r w:rsidRPr="005A1F79">
        <w:rPr>
          <w:rFonts w:ascii="Courier New" w:hAnsi="Courier New" w:cs="Courier New"/>
        </w:rPr>
        <w:t>n6840 }{\listname ;}\listid856576716}{\list\listtemplateid1794955006\listhybrid{\listlevel\levelnfc23\levelnfcn23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evelspace2600\levelindent0{\leveltext\'01{\uc1\u-4051 ?};}{\levelnumbers;}\f3\cf0\fbias0\ulc0</w:t>
      </w:r>
      <w:r w:rsidRPr="005A1F79">
        <w:rPr>
          <w:rFonts w:ascii="Courier New" w:hAnsi="Courier New" w:cs="Courier New"/>
        </w:rPr>
        <w:t xml:space="preserve"> \fi-360\li360\jclisttab\tx360\lin360 }{\listlevel\levelnfc23\levelnfcn23\leveljc0\leveljcn0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2600\levelindent0{\leveltext\'01o;}{\levelnumbers;}\f2\fbias0 \fi-360\li-1160\jclisttab\tx-1160\lin-1160 }{\lis</w:t>
      </w:r>
      <w:r w:rsidRPr="005A1F79">
        <w:rPr>
          <w:rFonts w:ascii="Courier New" w:hAnsi="Courier New" w:cs="Courier New"/>
        </w:rPr>
        <w:t>tlevel\levelnfc23\levelnfcn23\leveljc0\leveljcn0\levelfollow0\levelstartat1\lvltentative\levelspace260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29 ?};}{\levelnumbers;}\f10\fbias0 \fi-360\li-440\jclisttab\tx-440\lin-440 }{\listlevel\levelnfc23\levelnfcn23\le</w:t>
      </w:r>
      <w:r w:rsidRPr="005A1F79">
        <w:rPr>
          <w:rFonts w:ascii="Courier New" w:hAnsi="Courier New" w:cs="Courier New"/>
        </w:rPr>
        <w:t>veljc0\leveljcn0\levelfollow0\levelstartat1\lvltentative\levelspace260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280\jclisttab\tx280\lin280 }{\listlevel\levelnfc23\levelnfcn23\leveljc0\leveljcn0\levelfollow0\levels</w:t>
      </w:r>
      <w:r w:rsidRPr="005A1F79">
        <w:rPr>
          <w:rFonts w:ascii="Courier New" w:hAnsi="Courier New" w:cs="Courier New"/>
        </w:rPr>
        <w:t xml:space="preserve">tartat1\lvltentative\levelspace2600\levelindent0{\leveltext\'01o;}{\levelnumbers;}\f2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1000\jclisttab\tx1000\lin1000 }{\listlevel\levelnfc23\levelnfcn23\leveljc0\leveljcn0\levelfollow0\levelstartat1\lvltentative\levelspace2600\levelindent</w:t>
      </w:r>
      <w:r w:rsidRPr="005A1F79">
        <w:rPr>
          <w:rFonts w:ascii="Courier New" w:hAnsi="Courier New" w:cs="Courier New"/>
        </w:rPr>
        <w:t>0{\leveltext\'01{\uc1\u-3929 ?};}{\levelnumbers;}\f10\fbias0 \fi-360\li172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1720\lin1720 }{\listlevel\levelnfc23\levelnfcn23\leveljc0\leveljcn0\levelfollow0\levelstartat1\lvltentative\levelspace2600\levelindent0{\leveltext\'01{\uc1\u-3913 ?};</w:t>
      </w:r>
      <w:r w:rsidRPr="005A1F79">
        <w:rPr>
          <w:rFonts w:ascii="Courier New" w:hAnsi="Courier New" w:cs="Courier New"/>
        </w:rPr>
        <w:t>}{\levelnumbers;}\f3\fbias0 \fi-360\li2440\jclisttab\tx2440\lin2440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3\levelnfcn23\leveljc0\leveljcn0\levelfollow0\levelstartat1\lvltentative\levelspace2600\levelindent0{\leveltext\'01o;}{\levelnumbers;}\f2\fbias0 \fi-360\li3160\jcli</w:t>
      </w:r>
      <w:r w:rsidRPr="005A1F79">
        <w:rPr>
          <w:rFonts w:ascii="Courier New" w:hAnsi="Courier New" w:cs="Courier New"/>
        </w:rPr>
        <w:t>sttab\tx3160\lin3160 }{\listlevel\levelnfc23\levelnfcn23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vltentative\levelspace2600\levelindent0{\leveltext\'01{\uc1\u-3929 ?};}{\levelnumbers;}\f10\fbias0 \fi-360\li3880\jclisttab\tx3880\lin3880 }{\listname</w:t>
      </w:r>
      <w:r w:rsidRPr="005A1F79">
        <w:rPr>
          <w:rFonts w:ascii="Courier New" w:hAnsi="Courier New" w:cs="Courier New"/>
        </w:rPr>
        <w:t xml:space="preserve"> ;}\listid877623024}{\list\listtemplateid990001250\listhybri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0\levelnfcn0\leveljc0\leveljcn0\levelfollow0\levelstartat1\levelspace0\levelindent0{\leveltext\leveltemplateid-1732900672\'02\'00.;}{\levelnumbers\'01;}\rtlch\fcs1 \af0 \ltr</w:t>
      </w:r>
      <w:r w:rsidRPr="005A1F79">
        <w:rPr>
          <w:rFonts w:ascii="Courier New" w:hAnsi="Courier New" w:cs="Courier New"/>
        </w:rPr>
        <w:t>ch\fcs0 \loch\af0\hich\af0\dbch\af0 \fi-360\li786\lin786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4\levelnfcn4\leveljc0\leveljcn0\levelfollow0\levelstartat1\lvltentative\levelspace0\levelindent0{\leveltext\leveltemplateid68747289\'02\'01.;}{\levelnumbers\'01;}\rtlch\fcs1 \a</w:t>
      </w:r>
      <w:r w:rsidRPr="005A1F79">
        <w:rPr>
          <w:rFonts w:ascii="Courier New" w:hAnsi="Courier New" w:cs="Courier New"/>
        </w:rPr>
        <w:t>f0 \ltrch\fcs0 \fi-360\li1506\lin1506 }{\listleve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2\levelnfcn2\leveljc2\leveljcn2\levelfollow0\levelstartat1\lvltentative\levelspace0\levelindent0{\leveltext\leveltemplateid68747291\'02\'02.;}{\levelnumbers\'01;}\rtlch\fcs1 \af0 \ltrch\fcs0 \fi-</w:t>
      </w:r>
      <w:r w:rsidRPr="005A1F79">
        <w:rPr>
          <w:rFonts w:ascii="Courier New" w:hAnsi="Courier New" w:cs="Courier New"/>
        </w:rPr>
        <w:t>180\li2226\lin2226 }{\listlevel\levelnf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evelnfcn0\leveljc0\leveljcn0\levelfollow0\levelstartat1\lvltentative\levelspace0\levelindent0{\leveltext\leveltemplateid68747279\'02\'03.;}{\levelnumbers\'01;}\rtlch\fcs1 \af0 \ltrch\fcs0 \fi-360\li2946\lin2946 </w:t>
      </w:r>
      <w:r w:rsidRPr="005A1F79">
        <w:rPr>
          <w:rFonts w:ascii="Courier New" w:hAnsi="Courier New" w:cs="Courier New"/>
        </w:rPr>
        <w:t>}{\listlevel\levelnfc4\levelnfcn4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vltentative\levelspace0\levelindent0{\leveltext\leveltemplateid68747289\'02\'04.;}{\levelnumbers\'01;}\rtlch\fcs1 \af0 \ltrch\fcs0 \fi-360\li3666\lin3666 }{\listlevel\leveln</w:t>
      </w:r>
      <w:r w:rsidRPr="005A1F79">
        <w:rPr>
          <w:rFonts w:ascii="Courier New" w:hAnsi="Courier New" w:cs="Courier New"/>
        </w:rPr>
        <w:t>fc2\levelnfcn2\leveljc2\leveljcn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vltentative\levelspace0\levelindent0{\leveltext\leveltemplateid68747291\'02\'05.;}{\levelnumbers\'01;}\rtlch\fcs1 \af0 \ltrch\fcs0 \fi-180\li4386\lin4386 }{\listlevel\levelnfc0\levelnfcn0\leve</w:t>
      </w:r>
      <w:r w:rsidRPr="005A1F79">
        <w:rPr>
          <w:rFonts w:ascii="Courier New" w:hAnsi="Courier New" w:cs="Courier New"/>
        </w:rPr>
        <w:t>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79\'02\'06.;}{\levelnumbers\'01;}\rtlch\fcs1 \af0 \ltrch\fcs0 \fi-360\li5106\lin5106 }{\listlevel\levelnfc4\levelnfcn4\leveljc0\leveljcn0\leve</w:t>
      </w:r>
      <w:r w:rsidRPr="005A1F79">
        <w:rPr>
          <w:rFonts w:ascii="Courier New" w:hAnsi="Courier New" w:cs="Courier New"/>
        </w:rPr>
        <w:t>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0\levelindent0{\leveltext\leveltemplateid68747289\'02\'07.;}{\levelnumbers\'01;}\rtlch\fcs1 \af0 \ltrch\fcs0 \fi-360\li5826\lin5826 }{\listlevel\levelnfc2\levelnfcn2\leveljc2\leveljcn2\levelfollow0\levelstart</w:t>
      </w:r>
      <w:r w:rsidRPr="005A1F79">
        <w:rPr>
          <w:rFonts w:ascii="Courier New" w:hAnsi="Courier New" w:cs="Courier New"/>
        </w:rPr>
        <w:t>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leveltemplateid68747291\'02\'08.;}{\levelnumbers\'01;}\rtlch\fcs1 \af0 \ltrch\fcs0 \fi-180\li6546\lin6546 }{\listname ;}\listid917397178}{\list\listtemplateid-956400372\listhybrid{\listlevel\levelnfc23</w:t>
      </w:r>
      <w:r w:rsidRPr="005A1F79">
        <w:rPr>
          <w:rFonts w:ascii="Courier New" w:hAnsi="Courier New" w:cs="Courier New"/>
        </w:rPr>
        <w:t>\levelnfcn2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0\leveljcn0\levelfollow0\levelstartat1\levelspace360\levelindent0{\leveltext\leveltemplateid68747265\'01{\uc1\u-3913 ?};}{\levelnumbers;}\f3\fbias0 \fi-360\li644\lin644 }{\listlevel\levelnfc23\levelnfcn23\leveljc0\leveljcn0\levelfollo</w:t>
      </w:r>
      <w:r w:rsidRPr="005A1F79">
        <w:rPr>
          <w:rFonts w:ascii="Courier New" w:hAnsi="Courier New" w:cs="Courier New"/>
        </w:rPr>
        <w:t>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67\'01o;}{\levelnumbers;}\f2\fbias0 \fi-360\li2160\lin2160 }{\listlevel\levelnfc23\levelnfcn23\leveljc0\leveljcn0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69\'01{\uc1\u-3929 ?};}{\levelnumbers;}\f10\fbias0 \fi-360\li2880\lin2880 }{\listlevel\levelnfc23\levelnfcn23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</w:t>
      </w:r>
      <w:r w:rsidRPr="005A1F79">
        <w:rPr>
          <w:rFonts w:ascii="Courier New" w:hAnsi="Courier New" w:cs="Courier New"/>
        </w:rPr>
        <w:t>eltemplateid68747265\'01{\uc1\u-3913 ?};}{\levelnumbers;}\f3\fbias0 \fi-360\li3600\lin3600 }{\listlevel\levelnfc23\levelnfcn23\leveljc0\leveljcn0\levelfollow0\levelstartat1\lvltentative\levelspace0\levelindent0{\leveltext\leveltemplateid6874726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o;}{\</w:t>
      </w:r>
      <w:r w:rsidRPr="005A1F79">
        <w:rPr>
          <w:rFonts w:ascii="Courier New" w:hAnsi="Courier New" w:cs="Courier New"/>
        </w:rPr>
        <w:t>levelnumbers;}\f2\fbias0 \fi-360\li4320\lin4320 }{\listlevel\levelnfc23\levelnfcn23\leveljc0\leveljcn0\levelfollow0\levelstartat1\lvltentative\levelspace0\levelindent0{\leveltext\leveltemplateid68747269\'01{\uc1\u-3929 ?}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10\fbias0 \fi</w:t>
      </w:r>
      <w:r w:rsidRPr="005A1F79">
        <w:rPr>
          <w:rFonts w:ascii="Courier New" w:hAnsi="Courier New" w:cs="Courier New"/>
        </w:rPr>
        <w:t xml:space="preserve">-360\li5040\lin5040 }{\listlevel\levelnfc23\levelnfcn23\leveljc0\leveljcn0\levelfollow0\levelstartat1\lvltentative\levelspace0\levelindent0{\leveltext\leveltemplateid68747265\'01{\uc1\u-3913 ?};}{\levelnumbers;}\f3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5760\lin5760 }{\listle</w:t>
      </w:r>
      <w:r w:rsidRPr="005A1F79">
        <w:rPr>
          <w:rFonts w:ascii="Courier New" w:hAnsi="Courier New" w:cs="Courier New"/>
        </w:rPr>
        <w:t>vel\levelnfc23\levelnfcn23\leveljc0\leveljcn0\levelfollow0\levelstartat1\lvltentative\levelspace0\levelindent0{\leveltext\leveltemplateid68747267\'01o;}{\levelnumbers;}\f2\fbias0 \fi-360\li6480\lin6480 }{\listleve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23\levelnfcn23\leveljc0\leveljc</w:t>
      </w:r>
      <w:r w:rsidRPr="005A1F79">
        <w:rPr>
          <w:rFonts w:ascii="Courier New" w:hAnsi="Courier New" w:cs="Courier New"/>
        </w:rPr>
        <w:t>n0\levelfollow0\levelstartat1\lvltentative\levelspace0\levelindent0{\leveltext\leveltemplateid68747269\'01{\uc1\u-3929 ?};}{\levelnumbers;}\f10\fbias0 \fi-360\li7200\lin7200 }{\listname ;}\listid933975713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\listtemplateid-1{\listlevel\levelnfc0\leve</w:t>
      </w:r>
      <w:r w:rsidRPr="005A1F79">
        <w:rPr>
          <w:rFonts w:ascii="Courier New" w:hAnsi="Courier New" w:cs="Courier New"/>
        </w:rPr>
        <w:t>lnfcn0\leveljc0\leveljcn0\levelfollow0\levelstartat1\levelspace0\levelindent0{\leveltext\'02\'00.;}{\levelnumbers\'01;}\rtlch\fcs1 \af0 \ltrch\fcs0 \fi-720\li720\jclisttab\tx720\lin720 }{\listleve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0\levelnfcn0\leveljc0\leveljcn0\levelfollow0\lev</w:t>
      </w:r>
      <w:r w:rsidRPr="005A1F79">
        <w:rPr>
          <w:rFonts w:ascii="Courier New" w:hAnsi="Courier New" w:cs="Courier New"/>
        </w:rPr>
        <w:t>elstartat1\levelspace0\levelindent0{\leveltext\'02\'01.;}{\levelnumbers\'01;}\rtlch\fcs1 \af0 \ltrch\fcs0 \fi-720\li1440\jclisttab\tx1440\lin1440 }{\listlevel\levelnfc0\levelnfcn0\leveljc0\leveljcn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evelspace0\levelindent0{\le</w:t>
      </w:r>
      <w:r w:rsidRPr="005A1F79">
        <w:rPr>
          <w:rFonts w:ascii="Courier New" w:hAnsi="Courier New" w:cs="Courier New"/>
        </w:rPr>
        <w:t>veltext\'02\'02.;}{\levelnumbers\'01;}\rtlch\fcs1 \af0 \ltrch\fcs0 \fi-720\li2160\jclisttab\tx2160\lin2160 }{\listlevel\levelnfc0\levelnfcn0\leveljc0\leveljcn0\levelfollow0\levelstartat1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'02\'03.;}{\levelnumbers\'01;}\</w:t>
      </w:r>
      <w:r w:rsidRPr="005A1F79">
        <w:rPr>
          <w:rFonts w:ascii="Courier New" w:hAnsi="Courier New" w:cs="Courier New"/>
        </w:rPr>
        <w:t>rtlch\fcs1 \af0 \ltrch\fcs0 \fi-720\li2880\jclisttab\tx2880\lin2880 }{\listlevel\levelnfc0\levelnfcn0\leveljc0\leveljcn0\levelfollow0\levelstartat1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4.;}{\levelnumbers\'01;}\rtlch\fcs1 \af0 \ltrch\fcs0 \fi-720\li3</w:t>
      </w:r>
      <w:r w:rsidRPr="005A1F79">
        <w:rPr>
          <w:rFonts w:ascii="Courier New" w:hAnsi="Courier New" w:cs="Courier New"/>
        </w:rPr>
        <w:t>600\jclisttab\tx3600\lin3600 }{\listlevel\levelnfc0\levelnfcn0\leveljc0\leveljcn0\levelfollow0\levelstartat1\levelspace0\levelindent0{\leveltext\'02\'05.;}{\levelnumbers\'01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 \ltrch\fcs0 \fi-720\li4320\jclisttab\tx4320\lin4320 }{\listlev</w:t>
      </w:r>
      <w:r w:rsidRPr="005A1F79">
        <w:rPr>
          <w:rFonts w:ascii="Courier New" w:hAnsi="Courier New" w:cs="Courier New"/>
        </w:rPr>
        <w:t xml:space="preserve">el\levelnfc0\levelnfcn0\leveljc0\leveljcn0\levelfollow0\levelstartat1\levelspace0\levelindent0{\leveltext\'02\'06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720\li5040\jclisttab\tx5040\lin5040 }{\listlevel\levelnfc0\levelnfcn0\leveljc0\levelj</w:t>
      </w:r>
      <w:r w:rsidRPr="005A1F79">
        <w:rPr>
          <w:rFonts w:ascii="Courier New" w:hAnsi="Courier New" w:cs="Courier New"/>
        </w:rPr>
        <w:t xml:space="preserve">cn0\levelfollow0\levelstartat1\levelspace0\levelindent0{\leveltext\'02\'07.;}{\levelnumbers\'01;}\rtlch\fcs1 \af0 \ltrch\fcs0 \fi-720\li5760\jclisttab\tx5760\lin576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}{\listlevel\levelnfc0\levelnfcn0\leveljc0\leveljcn0\levelfollow0\levelstartat1\levelspa</w:t>
      </w:r>
      <w:r w:rsidRPr="005A1F79">
        <w:rPr>
          <w:rFonts w:ascii="Courier New" w:hAnsi="Courier New" w:cs="Courier New"/>
        </w:rPr>
        <w:t>ce0\levelindent0{\leveltext\'02\'08.;}{\levelnumbers\'01;}\rtlch\fcs1 \af0 \ltrch\fcs0 \fi-720\li6480\jclisttab\tx6480\lin6480 }{\listname ;}\listid1109665100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\listtemplateid-1796435568\listhybrid{\listlevel\levelnfc23\levelnfcn23\leveljc0\leveljcn</w:t>
      </w:r>
      <w:r w:rsidRPr="005A1F79">
        <w:rPr>
          <w:rFonts w:ascii="Courier New" w:hAnsi="Courier New" w:cs="Courier New"/>
        </w:rPr>
        <w:t xml:space="preserve">0\levelfollow0\levelstartat1\levelspace360\levelindent0{\leveltext\leveltemplateid68747277\'01{\uc1\u-3844 ?};}{\l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1287\lin1287 }{\listlevel\levelnfc23\levelnfcn23\leveljc0\leveljcn0\levelfollow0\levelstartat1\lvltentati</w:t>
      </w:r>
      <w:r w:rsidRPr="005A1F79">
        <w:rPr>
          <w:rFonts w:ascii="Courier New" w:hAnsi="Courier New" w:cs="Courier New"/>
        </w:rPr>
        <w:t>ve\levelspace360\levelindent0{\leveltext\leveltemplateid68747267\'01o;}{\levelnumbers;}\f2\fbias0 \fi-360\li2007\lin2007 }{\listleve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23\levelnfcn23\leveljc0\leveljcn0\levelfollow0\levelstartat1\lvltentative\levelspace360\levelindent0{\leveltext\</w:t>
      </w:r>
      <w:r w:rsidRPr="005A1F79">
        <w:rPr>
          <w:rFonts w:ascii="Courier New" w:hAnsi="Courier New" w:cs="Courier New"/>
        </w:rPr>
        <w:t>leveltemplateid68747269\'01{\uc1\u-3929 ?};}{\levelnumbers;}\f10\fbias0 \fi-360\li2727\lin2727 }{\listlevel\levelnfc23\levelnfcn2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0\leveljcn0\levelfollow0\levelstartat1\lvltentative\levelspace360\levelindent0{\leveltext\leveltemplateid68747265\'0</w:t>
      </w:r>
      <w:r w:rsidRPr="005A1F79">
        <w:rPr>
          <w:rFonts w:ascii="Courier New" w:hAnsi="Courier New" w:cs="Courier New"/>
        </w:rPr>
        <w:t>1{\uc1\u-3913 ?};}{\levelnumbers;}\f3\fbias0 \fi-360\li3447\lin3447 }{\listlevel\levelnfc23\levelnfcn23\leveljc0\leveljcn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vltentative\levelspace360\levelindent0{\leveltext\leveltemplateid68747267\'01o;}{\levelnumbers;}\f2\fbi</w:t>
      </w:r>
      <w:r w:rsidRPr="005A1F79">
        <w:rPr>
          <w:rFonts w:ascii="Courier New" w:hAnsi="Courier New" w:cs="Courier New"/>
        </w:rPr>
        <w:t>as0 \fi-360\li4167\lin4167 }{\listlevel\levelnfc23\levelnfcn23\leveljc0\leveljcn0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360\levelindent0{\leveltext\leveltemplateid68747269\'01{\uc1\u-3929 ?};}{\levelnumbers;}\f10\fbias0 \fi-360\li4887\lin4887</w:t>
      </w:r>
      <w:r w:rsidRPr="005A1F79">
        <w:rPr>
          <w:rFonts w:ascii="Courier New" w:hAnsi="Courier New" w:cs="Courier New"/>
        </w:rPr>
        <w:t xml:space="preserve"> }{\listlevel\levelnfc23\levelnfcn23\leveljc0\leveljcn0\levelfollow0\levelstartat1\lvltentative\levelspace36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65\'01{\uc1\u-3913 ?};}{\levelnumbers;}\f3\fbias0 \fi-360\li5607\lin5607 }{\listlevel\levelnfc23\le</w:t>
      </w:r>
      <w:r w:rsidRPr="005A1F79">
        <w:rPr>
          <w:rFonts w:ascii="Courier New" w:hAnsi="Courier New" w:cs="Courier New"/>
        </w:rPr>
        <w:t>velnfcn23\leveljc0\leveljcn0\levelfollow0\levelstartat1\lvltentative\levelspace36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7\'01o;}{\levelnumbers;}\f2\fbias0 \fi-360\li6327\lin6327 }{\listlevel\levelnfc23\levelnfcn23\leveljc0\leveljcn0\levelfollow0</w:t>
      </w:r>
      <w:r w:rsidRPr="005A1F79">
        <w:rPr>
          <w:rFonts w:ascii="Courier New" w:hAnsi="Courier New" w:cs="Courier New"/>
        </w:rPr>
        <w:t>\levelstartat1\lvltentative\levelspace360\levelindent0{\leveltext\leveltemplateid6874726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29 ?};}{\levelnumbers;}\f10\fbias0 \fi-360\li7047\lin7047 }{\listname ;}\listid1167478957}{\list\listtemplateid475037122\listhybrid{\listlevel\levelnfc</w:t>
      </w:r>
      <w:r w:rsidRPr="005A1F79">
        <w:rPr>
          <w:rFonts w:ascii="Courier New" w:hAnsi="Courier New" w:cs="Courier New"/>
        </w:rPr>
        <w:t>0\levelnfcn0\leveljc0\leveljcn0\levelfollow0\levelstartat1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-59082716\'02\'00.;}{\levelnumbers\'01;}\rtlch\fcs1 \af0\afs24 \ltrch\fcs0 \fs24\fbias0 \fi-360\li720\lin720 }{\listlevel\levelnfc4\levelnfcn4\l</w:t>
      </w:r>
      <w:r w:rsidRPr="005A1F79">
        <w:rPr>
          <w:rFonts w:ascii="Courier New" w:hAnsi="Courier New" w:cs="Courier New"/>
        </w:rPr>
        <w:t>eveljc0\leveljcn0\levelfollow0\levelstartat1\lvltentative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89\'02\'01.;}{\levelnumbers\'01;}\rtlch\fcs1 \af0 \ltrch\fcs0 \fi-360\li1440\lin1440 }{\listlevel\levelnfc2\levelnfcn2\leveljc2\leveljcn2\l</w:t>
      </w:r>
      <w:r w:rsidRPr="005A1F79">
        <w:rPr>
          <w:rFonts w:ascii="Courier New" w:hAnsi="Courier New" w:cs="Courier New"/>
        </w:rPr>
        <w:t>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2.;}{\levelnumbers\'01;}\rtlch\fcs1 \af0 \ltrch\fcs0 \fi-180\li2160\lin2160 }{\listlevel\levelnfc0\levelnfcn0\leveljc0\leveljcn0\levelfollow0\levelst</w:t>
      </w:r>
      <w:r w:rsidRPr="005A1F79">
        <w:rPr>
          <w:rFonts w:ascii="Courier New" w:hAnsi="Courier New" w:cs="Courier New"/>
        </w:rPr>
        <w:t>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79\'02\'03.;}{\levelnumbers\'01;}\rtlch\fcs1 \af0 \ltrch\fcs0 \fi-360\li2880\lin2880 }{\listlevel\levelnfc4\levelnfcn4\leveljc0\leveljcn0\levelfollow0\levelstartat1\lvltentative</w:t>
      </w:r>
      <w:r w:rsidRPr="005A1F79">
        <w:rPr>
          <w:rFonts w:ascii="Courier New" w:hAnsi="Courier New" w:cs="Courier New"/>
        </w:rPr>
        <w:t>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89\'02\'04.;}{\levelnumbers\'01;}\rtlch\fcs1 \af0 \ltrch\fcs0 \fi-360\li3600\lin3600 }{\listlevel\levelnfc2\levelnfcn2\leveljc2\leveljcn2\levelfollow0\levelstartat1\lvltentative\levelspace0\leveli</w:t>
      </w:r>
      <w:r w:rsidRPr="005A1F79">
        <w:rPr>
          <w:rFonts w:ascii="Courier New" w:hAnsi="Courier New" w:cs="Courier New"/>
        </w:rPr>
        <w:t>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5.;}{\levelnumbers\'01;}\rtlch\fcs1 \af0 \ltrch\fcs0 \fi-180\li4320\lin4320 }{\listlevel\levelnfc0\levelnfcn0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79\'02\'06.;}{\levelnumbers\'01;}\rtlch\fcs1 \af0 \ltrch\fcs0 \fi-360\li5040\lin5040 }{\listlevel\levelnfc4\levelnfcn4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</w:t>
      </w:r>
      <w:r w:rsidRPr="005A1F79">
        <w:rPr>
          <w:rFonts w:ascii="Courier New" w:hAnsi="Courier New" w:cs="Courier New"/>
        </w:rPr>
        <w:t>47289\'02\'07.;}{\levelnumbers\'01;}\rtlch\fcs1 \af0 \ltrch\fcs0 \fi-360\li5760\lin5760 }{\li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8.;}{\l</w:t>
      </w:r>
      <w:r w:rsidRPr="005A1F79">
        <w:rPr>
          <w:rFonts w:ascii="Courier New" w:hAnsi="Courier New" w:cs="Courier New"/>
        </w:rPr>
        <w:t>evelnumbers\'01;}\rtlch\fcs1 \af0 \ltrch\fcs0 \fi-180\li6480\lin6480 }{\listname ;}\listid1201015302}{\list\listtemplateid1406188502\listhybrid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evelspace0\levelindent0{\levelt</w:t>
      </w:r>
      <w:r w:rsidRPr="005A1F79">
        <w:rPr>
          <w:rFonts w:ascii="Courier New" w:hAnsi="Courier New" w:cs="Courier New"/>
        </w:rPr>
        <w:t>ext\leveltemplateid68747279\'02\'00.;}{\levelnumbers\'01;}\rtlch\fcs1 \af0 \ltrch\fcs0 \fi-360\li1004\lin1004 }{\listlevel\levelnfc4\levelnfcn4\leveljc0\leveljcn0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leveltemplateid</w:t>
      </w:r>
      <w:r w:rsidRPr="005A1F79">
        <w:rPr>
          <w:rFonts w:ascii="Courier New" w:hAnsi="Courier New" w:cs="Courier New"/>
        </w:rPr>
        <w:t>68747289\'02\'01.;}{\levelnumbers\'01;}\rtlch\fcs1 \af0 \ltrch\fcs0 \fi-360\li1724\lin1724 }{\listlevel\levelnfc2\levelnfcn2\leveljc2\leveljcn2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91\'02\'02.;}</w:t>
      </w:r>
      <w:r w:rsidRPr="005A1F79">
        <w:rPr>
          <w:rFonts w:ascii="Courier New" w:hAnsi="Courier New" w:cs="Courier New"/>
        </w:rPr>
        <w:t>{\levelnumbers\'01;}\rtlch\fcs1 \af0 \ltrch\fcs0 \fi-180\li2444\lin2444 }{\listlevel\levelnfc0\levelnfcn0\leveljc0\leveljcn0\levelfollow0\levelstartat1\lvltentative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79\'02\'03.;}{\levelnumbers\'01;</w:t>
      </w:r>
      <w:r w:rsidRPr="005A1F79">
        <w:rPr>
          <w:rFonts w:ascii="Courier New" w:hAnsi="Courier New" w:cs="Courier New"/>
        </w:rPr>
        <w:t>}\rtlch\fcs1 \af0 \ltrch\fcs0 \fi-360\li3164\lin3164 }{\listlevel\levelnfc4\levelnfcn4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89\'02\'04.;}{\levelnumbers\'01;}\rtlch\fcs1 \af0 \</w:t>
      </w:r>
      <w:r w:rsidRPr="005A1F79">
        <w:rPr>
          <w:rFonts w:ascii="Courier New" w:hAnsi="Courier New" w:cs="Courier New"/>
        </w:rPr>
        <w:t>ltrch\fcs0 \fi-360\li3884\lin3884 }{\li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5.;}{\levelnumbers\'01;}\rtlch\fcs1 \af0 \ltrch\fcs0 \fi-180\</w:t>
      </w:r>
      <w:r w:rsidRPr="005A1F79">
        <w:rPr>
          <w:rFonts w:ascii="Courier New" w:hAnsi="Courier New" w:cs="Courier New"/>
        </w:rPr>
        <w:t>li4604\lin4604 }{\listlevel\levelnfc0\levelnfcn0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79\'02\'06.;}{\levelnumbers\'01;}\rtlch\fcs1 \af0 \ltrch\fcs0 \fi-360\li5324\lin5324 }{\l</w:t>
      </w:r>
      <w:r w:rsidRPr="005A1F79">
        <w:rPr>
          <w:rFonts w:ascii="Courier New" w:hAnsi="Courier New" w:cs="Courier New"/>
        </w:rPr>
        <w:t>istlevel\levelnfc4\levelnfcn4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89\'02\'07.;}{\levelnumbers\'01;}\rtlch\fcs1 \af0 \ltrch\fcs0 \fi-360\li6044\lin6044 }{\listlevel\levelnfc2\</w:t>
      </w:r>
      <w:r w:rsidRPr="005A1F79">
        <w:rPr>
          <w:rFonts w:ascii="Courier New" w:hAnsi="Courier New" w:cs="Courier New"/>
        </w:rPr>
        <w:t>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8.;}{\levelnumbers\'01;}\rtlch\fcs1 \af0 \ltrch\fcs0 \fi-180\li6764\lin6764 }{\listname ;}\listid1218779727}{\list\lis</w:t>
      </w:r>
      <w:r w:rsidRPr="005A1F79">
        <w:rPr>
          <w:rFonts w:ascii="Courier New" w:hAnsi="Courier New" w:cs="Courier New"/>
        </w:rPr>
        <w:t>ttemplateid76480464\listsimple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evelspace0\levelindent0{\leveltext\'02\'00);}{\levelnumbers\'01;}\rtlch\fcs1 \af0 \ltrch\fcs0 \fbias0 \fi-360\li927\jclisttab\tx927\lin927 }{\li</w:t>
      </w:r>
      <w:r w:rsidRPr="005A1F79">
        <w:rPr>
          <w:rFonts w:ascii="Courier New" w:hAnsi="Courier New" w:cs="Courier New"/>
        </w:rPr>
        <w:t>stname ;}\listid1260215630}{\list\listtemplateid-1756098258\listhybrid{\listlevel\levelnf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n0\leveljc0\leveljcn0\levelfollow0\levelstartat1\levelspace0\levelindent0{\leveltext\leveltemplateid68747279\'02\'00.;}{\levelnumbers\'01;}\rtlch\fcs1 \af</w:t>
      </w:r>
      <w:r w:rsidRPr="005A1F79">
        <w:rPr>
          <w:rFonts w:ascii="Courier New" w:hAnsi="Courier New" w:cs="Courier New"/>
        </w:rPr>
        <w:t>0 \ltrch\fcs0 \fbias0 \fi-360\li720\lin720 }{\listlevel\levelnfc4\levelnfcn4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vltentative\levelspace0\levelindent0{\leveltext\leveltemplateid68747289\'02\'01.;}{\levelnumbers\'01;}\rtlch\fcs1 \af0 \ltrch\fcs0</w:t>
      </w:r>
      <w:r w:rsidRPr="005A1F79">
        <w:rPr>
          <w:rFonts w:ascii="Courier New" w:hAnsi="Courier New" w:cs="Courier New"/>
        </w:rPr>
        <w:t xml:space="preserve"> \fi-360\li1440\lin1440 }{\listlevel\levelnfc2\levelnfcn2\leveljc2\leveljcn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vltentative\levelspace0\levelindent0{\leveltext\leveltemplateid68747291\'02\'02.;}{\levelnumbers\'01;}\rtlch\fcs1 \af0 \ltrch\fcs0 \fi-180\li2160\lin</w:t>
      </w:r>
      <w:r w:rsidRPr="005A1F79">
        <w:rPr>
          <w:rFonts w:ascii="Courier New" w:hAnsi="Courier New" w:cs="Courier New"/>
        </w:rPr>
        <w:t>2160 }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79\'02\'03.;}{\levelnumbers\'01;}\rtlch\fcs1 \af0 \ltrch\fcs0 \fi-360\li2880\lin2880 }{\listlevel\l</w:t>
      </w:r>
      <w:r w:rsidRPr="005A1F79">
        <w:rPr>
          <w:rFonts w:ascii="Courier New" w:hAnsi="Courier New" w:cs="Courier New"/>
        </w:rPr>
        <w:t>evelnfc4\levelnfcn4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0\levelindent0{\leveltext\leveltemplateid68747289\'02\'04.;}{\levelnumbers\'01;}\rtlch\fcs1 \af0 \ltrch\fcs0 \fi-360\li3600\lin3600 }{\listlevel\levelnfc2\levelnfcn2</w:t>
      </w:r>
      <w:r w:rsidRPr="005A1F79">
        <w:rPr>
          <w:rFonts w:ascii="Courier New" w:hAnsi="Courier New" w:cs="Courier New"/>
        </w:rPr>
        <w:t>\leveljc2\leveljcn2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leveltemplateid68747291\'02\'05.;}{\levelnumbers\'01;}\rtlch\fcs1 \af0 \ltrch\fcs0 \fi-180\li4320\lin4320 }{\listlevel\levelnfc0\levelnfcn0\leveljc0\leveljcn0</w:t>
      </w:r>
      <w:r w:rsidRPr="005A1F79">
        <w:rPr>
          <w:rFonts w:ascii="Courier New" w:hAnsi="Courier New" w:cs="Courier New"/>
        </w:rPr>
        <w:t>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79\'02\'06.;}{\levelnumbers\'01;}\rtlch\fcs1 \af0 \ltrch\fcs0 \fi-360\li5040\lin5040 }{\listlevel\levelnfc4\levelnfcn4\leveljc0\leveljcn0\levelfollow0\level</w:t>
      </w:r>
      <w:r w:rsidRPr="005A1F79">
        <w:rPr>
          <w:rFonts w:ascii="Courier New" w:hAnsi="Courier New" w:cs="Courier New"/>
        </w:rPr>
        <w:t>startat1\lvltentative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89\'02\'07.;}{\levelnumbers\'01;}\rtlch\fcs1 \af0 \ltrch\fcs0 \fi-360\li5760\lin5760 }{\listlevel\levelnfc2\levelnfcn2\leveljc2\leveljcn2\levelfollow0\levelstartat1\lvltentati</w:t>
      </w:r>
      <w:r w:rsidRPr="005A1F79">
        <w:rPr>
          <w:rFonts w:ascii="Courier New" w:hAnsi="Courier New" w:cs="Courier New"/>
        </w:rPr>
        <w:t>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8.;}{\levelnumbers\'01;}\rtlch\fcs1 \af0 \ltrch\fcs0 \fi-180\li6480\lin6480 }{\listname ;}\listid1421246143}{\list\listtemplateid-685102868\listhybrid{\listlevel\levelnfc23\levelnfcn23\</w:t>
      </w:r>
      <w:r w:rsidRPr="005A1F79">
        <w:rPr>
          <w:rFonts w:ascii="Courier New" w:hAnsi="Courier New" w:cs="Courier New"/>
        </w:rPr>
        <w:t>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evelspace0\levelindent0{\leveltext\leveltemplateid68747265\'01{\uc1\u-3913 ?};}{\levelnumbers;}\f3\fbias0 \fi-360\li1100\lin1100 }{\listlevel\levelnfc23\levelnfcn23\leveljc0\leveljcn0\levelfollow0\levelstart</w:t>
      </w:r>
      <w:r w:rsidRPr="005A1F79">
        <w:rPr>
          <w:rFonts w:ascii="Courier New" w:hAnsi="Courier New" w:cs="Courier New"/>
        </w:rPr>
        <w:t>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67\'01o;}{\levelnumbers;}\f2\fbias0 \fi-360\li1820\lin1820 }{\listlevel\levelnfc23\levelnfcn23\leveljc0\leveljcn0\levelfollow0\levelstartat1\lvltentative\levelspace0\levelindent0{\</w:t>
      </w:r>
      <w:r w:rsidRPr="005A1F79">
        <w:rPr>
          <w:rFonts w:ascii="Courier New" w:hAnsi="Courier New" w:cs="Courier New"/>
        </w:rPr>
        <w:t>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9\'01{\uc1\u-3929 ?};}{\levelnumbers;}\f10\fbias0 \fi-360\li2540\lin2540 }{\listlevel\levelnfc23\levelnfcn23\leveljc0\leveljcn0\levelfollow0\levelstartat1\lvltentative\levelspace0\levelindent0{\leveltext\leveltemplateid687</w:t>
      </w:r>
      <w:r w:rsidRPr="005A1F79">
        <w:rPr>
          <w:rFonts w:ascii="Courier New" w:hAnsi="Courier New" w:cs="Courier New"/>
        </w:rPr>
        <w:t>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3260\lin3260 }{\listlevel\levelnfc23\levelnfcn23\leveljc0\leveljcn0\levelfollow0\levelstartat1\lvltentative\levelspace0\levelindent0{\leveltext\leveltemplateid68747267\'01o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2\fbias0 \fi-360\li3980\lin3980 }{\listlevel\levelnfc23\levelnfcn23\leveljc0\leveljcn0\levelfollow0\levelstartat1\lvltentative\levelspace0\levelindent0{\leveltext\leveltemplateid68747269\'01{\uc1\u-3929 ?};}{\l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4700\l</w:t>
      </w:r>
      <w:r w:rsidRPr="005A1F79">
        <w:rPr>
          <w:rFonts w:ascii="Courier New" w:hAnsi="Courier New" w:cs="Courier New"/>
        </w:rPr>
        <w:t>in4700 }{\listlevel\levelnfc23\levelnfcn23\leveljc0\leveljcn0\levelfollow0\levelstartat1\lvltentative\levelspace0\levelindent0{\leveltext\leveltemplateid68747265\'01{\uc1\u-3913 ?};}{\levelnumbers;}\f3\fbias0 \fi-360\li5420\lin5420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</w:t>
      </w:r>
      <w:r w:rsidRPr="005A1F79">
        <w:rPr>
          <w:rFonts w:ascii="Courier New" w:hAnsi="Courier New" w:cs="Courier New"/>
        </w:rPr>
        <w:t>3\levelnfcn23\leveljc0\leveljcn0\levelfollow0\levelstartat1\lvltentative\levelspace0\levelindent0{\leveltext\leveltemplateid68747267\'01o;}{\levelnumbers;}\f2\fbias0 \fi-360\li6140\lin6140 }{\listlevel\levelnfc23\levelnfcn23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</w:t>
      </w:r>
      <w:r w:rsidRPr="005A1F79">
        <w:rPr>
          <w:rFonts w:ascii="Courier New" w:hAnsi="Courier New" w:cs="Courier New"/>
        </w:rPr>
        <w:t>w0\levelstartat1\lvltentative\levelspace0\levelindent0{\leveltext\leveltemplateid68747269\'01{\uc1\u-3929 ?};}{\levelnumbers;}\f10\fbias0 \fi-360\li6860\lin6860 }{\listname ;}\listid1454254983}{\list\listtemplateid-71303008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isthybrid{\listlevel\levelnf</w:t>
      </w:r>
      <w:r w:rsidRPr="005A1F79">
        <w:rPr>
          <w:rFonts w:ascii="Courier New" w:hAnsi="Courier New" w:cs="Courier New"/>
        </w:rPr>
        <w:t>c23\levelnfcn23\leveljc0\leveljcn0\levelfollow0\levelstartat1\levelspace360\levelindent0{\leveltext\leveltemplateid68747265\'01{\uc1\u-3913 ?};}{\levelnumbers;}\f3\fbias0 \fi-360\li1320\lin1320 }{\listlevel\levelnfc2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n23\leveljc0\leveljcn0\level</w:t>
      </w:r>
      <w:r w:rsidRPr="005A1F79">
        <w:rPr>
          <w:rFonts w:ascii="Courier New" w:hAnsi="Courier New" w:cs="Courier New"/>
        </w:rPr>
        <w:t>follow0\levelstartat1\lvltentative\levelspace360\levelindent0{\leveltext\leveltemplateid68747267\'01o;}{\levelnumbers;}\f2\fbias0 \fi-360\li2040\lin2040 }{\listlevel\levelnfc23\levelnfcn23\leveljc0\leveljcn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vltentative\levels</w:t>
      </w:r>
      <w:r w:rsidRPr="005A1F79">
        <w:rPr>
          <w:rFonts w:ascii="Courier New" w:hAnsi="Courier New" w:cs="Courier New"/>
        </w:rPr>
        <w:t>pace360\levelindent0{\leveltext\leveltemplateid68747269\'01{\uc1\u-3929 ?};}{\levelnumbers;}\f10\fbias0 \fi-360\li2760\lin2760 }{\listlevel\levelnfc23\levelnfcn23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360\levelindent0{\leve</w:t>
      </w:r>
      <w:r w:rsidRPr="005A1F79">
        <w:rPr>
          <w:rFonts w:ascii="Courier New" w:hAnsi="Courier New" w:cs="Courier New"/>
        </w:rPr>
        <w:t>ltext\leveltemplateid68747265\'01{\uc1\u-3913 ?};}{\levelnumbers;}\f3\fbias0 \fi-360\li3480\lin3480 }{\listlevel\levelnfc23\levelnfcn23\leveljc0\leveljcn0\levelfollow0\levelstartat1\lvltentative\levelspace36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</w:t>
      </w:r>
      <w:r w:rsidRPr="005A1F79">
        <w:rPr>
          <w:rFonts w:ascii="Courier New" w:hAnsi="Courier New" w:cs="Courier New"/>
        </w:rPr>
        <w:t>67\'01o;}{\levelnumbers;}\f2\fbias0 \fi-360\li4200\lin4200 }{\listlevel\levelnfc23\levelnfcn23\leveljc0\leveljcn0\levelfollow0\levelstartat1\lvltentative\levelspace36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9\'01{\uc1\u-3929 ?};}{\levelnumbers;}\f</w:t>
      </w:r>
      <w:r w:rsidRPr="005A1F79">
        <w:rPr>
          <w:rFonts w:ascii="Courier New" w:hAnsi="Courier New" w:cs="Courier New"/>
        </w:rPr>
        <w:t>10\fbias0 \fi-360\li4920\lin4920 }{\listlevel\levelnfc23\levelnfcn23\leveljc0\leveljcn0\levelfollow0\levelstartat1\lvltentative\levelspace360\levelindent0{\leveltext\leveltemplateid687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5640\li</w:t>
      </w:r>
      <w:r w:rsidRPr="005A1F79">
        <w:rPr>
          <w:rFonts w:ascii="Courier New" w:hAnsi="Courier New" w:cs="Courier New"/>
        </w:rPr>
        <w:t>n5640 }{\listlevel\levelnfc23\levelnfcn23\leveljc0\leveljcn0\levelfollow0\levelstartat1\lvltentative\levelspace360\levelindent0{\leveltext\leveltemplateid68747267\'01o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2\fbias0 \fi-360\li6360\lin6360 }{\listlevel\levelnfc23\levelnfcn23</w:t>
      </w:r>
      <w:r w:rsidRPr="005A1F79">
        <w:rPr>
          <w:rFonts w:ascii="Courier New" w:hAnsi="Courier New" w:cs="Courier New"/>
        </w:rPr>
        <w:t xml:space="preserve">\leveljc0\leveljcn0\levelfollow0\levelstartat1\lvltentative\levelspace360\levelindent0{\leveltext\leveltemplateid68747269\'01{\uc1\u-3929 ?};}{\l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7080\lin7080 }{\listname ;}\listid1551838186}{\list\listtemplateid68747295</w:t>
      </w:r>
      <w:r w:rsidRPr="005A1F79">
        <w:rPr>
          <w:rFonts w:ascii="Courier New" w:hAnsi="Courier New" w:cs="Courier New"/>
        </w:rPr>
        <w:t xml:space="preserve">{\listlevel\levelnfc0\levelnfcn0\leveljc0\leveljcn0\levelfollow0\levelstartat1\levelspace0\levelindent0{\leveltext\'02\'00.;}{\levelnumbers\'01;}\rtlch\fcs1 \a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i-360\li360\lin360 }{\listlevel\levelnfc0\levelnfcn0\leveljc0\leveljcn0\levelf</w:t>
      </w:r>
      <w:r w:rsidRPr="005A1F79">
        <w:rPr>
          <w:rFonts w:ascii="Courier New" w:hAnsi="Courier New" w:cs="Courier New"/>
        </w:rPr>
        <w:t>ollow0\levelstartat1\levelspace0\levelindent0{\leveltext\'04\'00.\'01.;}{\levelnumbers\'01\'03;}\rtlch\fcs1 \af0 \ltrch\fcs0 \fi-432\li792\lin792 }{\listleve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0\levelnfcn0\leveljc0\leveljcn0\levelfollow0\levelstartat1\levelspace0\levelindent0{\le</w:t>
      </w:r>
      <w:r w:rsidRPr="005A1F79">
        <w:rPr>
          <w:rFonts w:ascii="Courier New" w:hAnsi="Courier New" w:cs="Courier New"/>
        </w:rPr>
        <w:t>veltext\'06\'00.\'01.\'02.;}{\levelnumbers\'01\'03\'05;}\rtlch\fcs1 \af0 \ltrch\fcs0 \fi-504\li1224\lin1224 }{\listlevel\levelnfc0\levelnfcn0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evelspace0\levelindent0{\leveltext\'08\'00.\'01.\'02.\'03.;}{\lev</w:t>
      </w:r>
      <w:r w:rsidRPr="005A1F79">
        <w:rPr>
          <w:rFonts w:ascii="Courier New" w:hAnsi="Courier New" w:cs="Courier New"/>
        </w:rPr>
        <w:t>elnumbers\'01\'03\'05\'07;}\rtlch\fcs1 \af0 \ltrch\fcs0 \fi-648\li1728\lin1728 }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evelspace0\levelindent0{\leveltext\'0a\'00.\'01.\'02.\'03.\'04.;}{\levelnumbers\'01\'03\'05\'0</w:t>
      </w:r>
      <w:r w:rsidRPr="005A1F79">
        <w:rPr>
          <w:rFonts w:ascii="Courier New" w:hAnsi="Courier New" w:cs="Courier New"/>
        </w:rPr>
        <w:t>7\'09;}\rtlch\fcs1 \af0 \ltrch\fcs0 \fi-792\li2232\lin2232 }{\listlevel\levelnfc0\levelnfcn0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'0c\'00.\'01.\'02.\'03.\'04.\'05.;}{\levelnumbers\'01\'03\'05\'07\'09\'0b;}\rtl</w:t>
      </w:r>
      <w:r w:rsidRPr="005A1F79">
        <w:rPr>
          <w:rFonts w:ascii="Courier New" w:hAnsi="Courier New" w:cs="Courier New"/>
        </w:rPr>
        <w:t>ch\fcs1 \af0 \ltrch\fcs0 \fi-936\li2736\lin2736 }{\listlevel\levelnfc0\levelnfcn0\leveljc0\leveljcn0\levelfollow0\levelstartat1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'0e\'00.\'01.\'02.\'03.\'04.\'05.\'06.;}{\levelnumbers\'01\'03\'05\'07\'09\'0b\'0d;}\rtlch</w:t>
      </w:r>
      <w:r w:rsidRPr="005A1F79">
        <w:rPr>
          <w:rFonts w:ascii="Courier New" w:hAnsi="Courier New" w:cs="Courier New"/>
        </w:rPr>
        <w:t>\fcs1 \af0 \ltrch\fcs0 \fi-1080\li3240\lin3240 }{\listlevel\levelnfc0\levelnfcn0\leveljc0\leveljcn0\levelfollow0\levelstartat1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'10\'00.\'01.\'02.\'03.\'04.\'05.\'06.\'07.;}{\levelnumbers\'01\'03\'05\'07\'09\'0b\'0d\'0f</w:t>
      </w:r>
      <w:r w:rsidRPr="005A1F79">
        <w:rPr>
          <w:rFonts w:ascii="Courier New" w:hAnsi="Courier New" w:cs="Courier New"/>
        </w:rPr>
        <w:t>;}\rtlch\fcs1 \af0 \ltrch\fcs0 \fi-1224\li3744\lin3744 }{\listlevel\levelnfc0\levelnfcn0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'12\'00.\'01.\'02.\'03.\'04.\'05.\'06.\'07.\'08.;}{\levelnumbers\'01\'03\'05\'07\'0</w:t>
      </w:r>
      <w:r w:rsidRPr="005A1F79">
        <w:rPr>
          <w:rFonts w:ascii="Courier New" w:hAnsi="Courier New" w:cs="Courier New"/>
        </w:rPr>
        <w:t>9\'0b\'0d\'0f\'11;}\rtlch\fcs1 \af0 \ltrch\fcs0 \fi-1440\li4320\lin4320 }{\listname ;}\listid1597209855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\listtemplateid-1134542670\listhybrid{\listlevel\levelnfc0\levelnfcn0\leveljc0\leveljcn0\levelfollow0\levelstartat1\levelspace0\levelindent0{\le</w:t>
      </w:r>
      <w:r w:rsidRPr="005A1F79">
        <w:rPr>
          <w:rFonts w:ascii="Courier New" w:hAnsi="Courier New" w:cs="Courier New"/>
        </w:rPr>
        <w:t xml:space="preserve">veltext\leveltemplateid68747279\'02\'00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720\lin720 }{\listlevel\levelnfc4\levelnfcn4\leveljc0\leveljcn0\levelfollow0\levelstartat1\lvltentative\levelspace0\levelindent0{\leveltext\leveltemplate</w:t>
      </w:r>
      <w:r w:rsidRPr="005A1F79">
        <w:rPr>
          <w:rFonts w:ascii="Courier New" w:hAnsi="Courier New" w:cs="Courier New"/>
        </w:rPr>
        <w:t xml:space="preserve">id68747289\'02\'01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1440\lin1440 }{\listlevel\levelnfc2\levelnfcn2\leveljc2\leveljcn2\levelfollow0\levelstartat1\lvltentative\levelspace0\levelindent0{\leveltext\leveltemplateid68747291\'02\'02.</w:t>
      </w:r>
      <w:r w:rsidRPr="005A1F79">
        <w:rPr>
          <w:rFonts w:ascii="Courier New" w:hAnsi="Courier New" w:cs="Courier New"/>
        </w:rPr>
        <w:t xml:space="preserve">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180\li2160\lin2160 }{\listlevel\levelnfc0\levelnfcn0\leveljc0\leveljcn0\levelfollow0\levelstartat1\lvltentative\levelspace0\levelindent0{\leveltext\leveltemplateid68747279\'02\'03.;}{\levelnumbers\'0</w:t>
      </w:r>
      <w:r w:rsidRPr="005A1F79">
        <w:rPr>
          <w:rFonts w:ascii="Courier New" w:hAnsi="Courier New" w:cs="Courier New"/>
        </w:rPr>
        <w:t xml:space="preserve">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2880\lin2880 }{\listlevel\levelnfc4\levelnfcn4\leveljc0\leveljcn0\levelfollow0\levelstartat1\lvltentative\levelspace0\levelindent0{\leveltext\leveltemplateid68747289\'02\'04.;}{\levelnumbers\'01;}\rtlch\fcs1 \af0</w:t>
      </w:r>
      <w:r w:rsidRPr="005A1F79">
        <w:rPr>
          <w:rFonts w:ascii="Courier New" w:hAnsi="Courier New" w:cs="Courier New"/>
        </w:rPr>
        <w:t xml:space="preserve">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i-360\li3600\lin3600 }{\listlevel\levelnfc2\levelnfcn2\leveljc2\leveljcn2\levelfollow0\levelstartat1\lvltentative\levelspace0\levelindent0{\leveltext\leveltemplateid68747291\'02\'05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</w:t>
      </w:r>
      <w:r w:rsidRPr="005A1F79">
        <w:rPr>
          <w:rFonts w:ascii="Courier New" w:hAnsi="Courier New" w:cs="Courier New"/>
        </w:rPr>
        <w:t xml:space="preserve">180\li4320\lin4320 }{\listlevel\levelnfc0\levelnfcn0\leveljc0\leveljcn0\levelfollow0\levelstartat1\lvltentative\levelspace0\levelindent0{\leveltext\leveltemplateid68747279\'02\'06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i-360\li5040\lin5040 </w:t>
      </w:r>
      <w:r w:rsidRPr="005A1F79">
        <w:rPr>
          <w:rFonts w:ascii="Courier New" w:hAnsi="Courier New" w:cs="Courier New"/>
        </w:rPr>
        <w:t xml:space="preserve">}{\listlevel\levelnfc4\levelnfcn4\leveljc0\leveljcn0\levelfollow0\levelstartat1\lvltentative\levelspace0\levelindent0{\leveltext\leveltemplateid68747289\'02\'07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5760\lin5760 }{\listlevel\leveln</w:t>
      </w:r>
      <w:r w:rsidRPr="005A1F79">
        <w:rPr>
          <w:rFonts w:ascii="Courier New" w:hAnsi="Courier New" w:cs="Courier New"/>
        </w:rPr>
        <w:t xml:space="preserve">fc2\levelnfcn2\leveljc2\leveljcn2\levelfollow0\levelstartat1\lvltentative\levelspace0\levelindent0{\leveltext\leveltemplateid68747291\'02\'08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180\li6480\lin6480 }{\listname ;}\listid1624075133}{\list</w:t>
      </w:r>
      <w:r w:rsidRPr="005A1F79">
        <w:rPr>
          <w:rFonts w:ascii="Courier New" w:hAnsi="Courier New" w:cs="Courier New"/>
        </w:rPr>
        <w:t>\listtemplateid-2125297950\listhybrid{\listlevel\levelnfc0\levelnfcn0\leveljc0\leveljcn0\levelfollow0\levelstartat1\levelspace360\levelindent0{\leveltext\leveltemplateid6874727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0.;}{\levelnumbers\'01;}\rtlch\fcs1 \af0 \ltrch\fcs0 \fi-360\li1039\li</w:t>
      </w:r>
      <w:r w:rsidRPr="005A1F79">
        <w:rPr>
          <w:rFonts w:ascii="Courier New" w:hAnsi="Courier New" w:cs="Courier New"/>
        </w:rPr>
        <w:t>n1039 }{\listlevel\levelnfc4\levelnfcn4\leveljc0\leveljcn0\levelfollow0\levelstartat1\lvltentative\levelspace360\levelindent0{\leveltext\leveltemplateid6874728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1.;}{\levelnumbers\'01;}\rtlch\fcs1 \af0 \ltrch\fcs0 \fi-360\li1759\lin1759 }{\listleve</w:t>
      </w:r>
      <w:r w:rsidRPr="005A1F79">
        <w:rPr>
          <w:rFonts w:ascii="Courier New" w:hAnsi="Courier New" w:cs="Courier New"/>
        </w:rPr>
        <w:t>l\levelnfc2\levelnfcn2\leveljc2\leveljcn2\levelfollow0\levelstartat1\lvltentative\levelspace360\levelindent0{\leveltext\leveltemplateid6874729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2.;}{\levelnumbers\'01;}\rtlch\fcs1 \af0 \ltrch\fcs0 \fi-180\li2479\lin2479 }{\listlevel\levelnfc0\level</w:t>
      </w:r>
      <w:r w:rsidRPr="005A1F79">
        <w:rPr>
          <w:rFonts w:ascii="Courier New" w:hAnsi="Courier New" w:cs="Courier New"/>
        </w:rPr>
        <w:t>nfcn0\leveljc0\leveljcn0\levelfollow0\levelstartat1\lvltentative\levelspace360\levelindent0{\leveltext\leveltemplateid6874727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3.;}{\levelnumbers\'01;}\rtlch\fcs1 \af0 \ltrch\fcs0 \fi-360\li3199\lin3199 }{\listlevel\levelnfc4\levelnfcn4\leveljc0\le</w:t>
      </w:r>
      <w:r w:rsidRPr="005A1F79">
        <w:rPr>
          <w:rFonts w:ascii="Courier New" w:hAnsi="Courier New" w:cs="Courier New"/>
        </w:rPr>
        <w:t>veljcn0\levelfollow0\levelstartat1\lvltentative\levelspace360\levelindent0{\leveltext\leveltemplateid6874728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4.;}{\levelnumbers\'01;}\rtlch\fcs1 \af0 \ltrch\fcs0 \fi-360\li3919\lin3919 }{\listlevel\levelnfc2\levelnfcn2\leveljc2\leveljcn2\levelfoll</w:t>
      </w:r>
      <w:r w:rsidRPr="005A1F79">
        <w:rPr>
          <w:rFonts w:ascii="Courier New" w:hAnsi="Courier New" w:cs="Courier New"/>
        </w:rPr>
        <w:t>ow0\levelstartat1\lvltentative\levelspace360\levelindent0{\leveltext\leveltemplateid6874729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5.;}{\levelnumbers\'01;}\rtlch\fcs1 \af0 \ltrch\fcs0 \fi-180\li4639\lin4639 }{\listlevel\levelnfc0\levelnfcn0\leveljc0\leveljcn0\levelfollow0\levelstartat1</w:t>
      </w:r>
      <w:r w:rsidRPr="005A1F79">
        <w:rPr>
          <w:rFonts w:ascii="Courier New" w:hAnsi="Courier New" w:cs="Courier New"/>
        </w:rPr>
        <w:t>\lvltentative\levelspace360\levelindent0{\leveltext\leveltemplateid6874727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6.;}{\levelnumbers\'01;}\rtlch\fcs1 \af0 \ltrch\fcs0 \fi-360\li5359\lin5359 }{\listlevel\levelnfc4\levelnfcn4\leveljc0\leveljcn0\levelfollow0\levelstartat1\lvltentative\lev</w:t>
      </w:r>
      <w:r w:rsidRPr="005A1F79">
        <w:rPr>
          <w:rFonts w:ascii="Courier New" w:hAnsi="Courier New" w:cs="Courier New"/>
        </w:rPr>
        <w:t>elspace360\levelindent0{\leveltext\leveltemplateid6874728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7.;}{\levelnumbers\'01;}\rtlch\fcs1 \af0 \ltrch\fcs0 \fi-360\li6079\lin6079 }{\listlevel\levelnfc2\levelnfcn2\leveljc2\leveljcn2\levelfollow0\levelstartat1\lvltentative\levelspace360\leveli</w:t>
      </w:r>
      <w:r w:rsidRPr="005A1F79">
        <w:rPr>
          <w:rFonts w:ascii="Courier New" w:hAnsi="Courier New" w:cs="Courier New"/>
        </w:rPr>
        <w:t>ndent0{\leveltext\leveltemplateid6874729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2\'08.;}{\levelnumbers\'01;}\rtlch\fcs1 \af0 \ltrch\fcs0 \fi-180\li6799\lin6799 }{\listname ;}\listid1647662000}{\list\listtemplateid-746953512\listhybrid{\listlevel\levelnfc0\levelnfcn0\leveljc0\leveljcn0\leve</w:t>
      </w:r>
      <w:r w:rsidRPr="005A1F79">
        <w:rPr>
          <w:rFonts w:ascii="Courier New" w:hAnsi="Courier New" w:cs="Courier New"/>
        </w:rPr>
        <w:t>lfollow0\levelstartat1\levelspace5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110408660\'02\'00.;}{\levelnumbers\'01;}\rtlch\fcs1 \af0 \ltrch\fcs0 \fbias0 \fi-360\li417\lin417 }{\listlevel\levelnfc4\levelnfcn4\leveljc0\leveljcn0\levelfollow0\levelstartat1\l</w:t>
      </w:r>
      <w:r w:rsidRPr="005A1F79">
        <w:rPr>
          <w:rFonts w:ascii="Courier New" w:hAnsi="Courier New" w:cs="Courier New"/>
        </w:rPr>
        <w:t>vltentative\levelspace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89\'02\'01.;}{\levelnumbers\'01;}\rtlch\fcs1 \af0 \ltrch\fcs0 \fi-360\li1137\lin1137 }{\listlevel\levelnfc2\levelnfcn2\leveljc2\leveljcn2\levelfollow0\levelstartat1\lvltentative\levelsp</w:t>
      </w:r>
      <w:r w:rsidRPr="005A1F79">
        <w:rPr>
          <w:rFonts w:ascii="Courier New" w:hAnsi="Courier New" w:cs="Courier New"/>
        </w:rPr>
        <w:t>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2\'02.;}{\levelnumbers\'01;}\rtlch\fcs1 \af0 \ltrch\fcs0 \fi-180\li1857\lin1857 }{\listlevel\levelnfc0\levelnfcn0\leveljc0\leveljcn0\levelfollow0\levelstartat1\lvltentative\levelspace0\levelindent0{\</w:t>
      </w:r>
      <w:r w:rsidRPr="005A1F79">
        <w:rPr>
          <w:rFonts w:ascii="Courier New" w:hAnsi="Courier New" w:cs="Courier New"/>
        </w:rPr>
        <w:t>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79\'02\'03.;}{\levelnumbers\'01;}\rtlch\fcs1 \af0 \ltrch\fcs0 \fi-360\li2577\lin2577 }{\listlevel\levelnfc4\levelnfcn4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</w:t>
      </w:r>
      <w:r w:rsidRPr="005A1F79">
        <w:rPr>
          <w:rFonts w:ascii="Courier New" w:hAnsi="Courier New" w:cs="Courier New"/>
        </w:rPr>
        <w:t>mplateid68747289\'02\'04.;}{\levelnumbers\'01;}\rtlch\fcs1 \af0 \ltrch\fcs0 \fi-360\li3297\lin3297 }{\li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91\'0</w:t>
      </w:r>
      <w:r w:rsidRPr="005A1F79">
        <w:rPr>
          <w:rFonts w:ascii="Courier New" w:hAnsi="Courier New" w:cs="Courier New"/>
        </w:rPr>
        <w:t>2\'05.;}{\levelnumbers\'01;}\rtlch\fcs1 \af0 \ltrch\fcs0 \fi-180\li4017\lin4017 }{\listlevel\levelnfc0\levelnfcn0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79\'02\'06.;}{\levelnumb</w:t>
      </w:r>
      <w:r w:rsidRPr="005A1F79">
        <w:rPr>
          <w:rFonts w:ascii="Courier New" w:hAnsi="Courier New" w:cs="Courier New"/>
        </w:rPr>
        <w:t>ers\'01;}\rtlch\fcs1 \af0 \ltrch\fcs0 \fi-360\li4737\lin4737 }{\listlevel\levelnfc4\levelnfcn4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89\'02\'07.;}{\levelnumbers\'01;}\rtlch\fcs</w:t>
      </w:r>
      <w:r w:rsidRPr="005A1F79">
        <w:rPr>
          <w:rFonts w:ascii="Courier New" w:hAnsi="Courier New" w:cs="Courier New"/>
        </w:rPr>
        <w:t>1 \af0 \ltrch\fcs0 \fi-360\li5457\lin5457 }{\listlevel\levelnfc2\levelnfcn2\leveljc2\leveljcn2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eveltemplateid68747291\'02\'08.;}{\levelnumbers\'01;}\rtlch\fcs1 \af0 \ltrch\fcs0 </w:t>
      </w:r>
      <w:r w:rsidRPr="005A1F79">
        <w:rPr>
          <w:rFonts w:ascii="Courier New" w:hAnsi="Courier New" w:cs="Courier New"/>
        </w:rPr>
        <w:t>\fi-180\li6177\lin6177 }{\listname ;}\listid1757357770}{\list\listtemplateid1537485750\listhybrid{\listlevel\levelnfc23\levelnfcn23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evelstartat1\levelspace0\levelindent0{\leveltext\leveltemplateid68747265\'01{\uc1\u-3913 </w:t>
      </w:r>
      <w:r w:rsidRPr="005A1F79">
        <w:rPr>
          <w:rFonts w:ascii="Courier New" w:hAnsi="Courier New" w:cs="Courier New"/>
        </w:rPr>
        <w:t>?};}{\levelnumbers;}\f3\fbias0 \fi-360\li360\lin360 }{\listlevel\levelnfc23\levelnfcn23\leveljc0\leveljcn0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67\'01o;}{\levelnumbers;}\f2\fbias0 \fi-360\li1080</w:t>
      </w:r>
      <w:r w:rsidRPr="005A1F79">
        <w:rPr>
          <w:rFonts w:ascii="Courier New" w:hAnsi="Courier New" w:cs="Courier New"/>
        </w:rPr>
        <w:t>\lin1080 }{\listlevel\levelnfc23\levelnfcn23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9\'01{\uc1\u-3929 ?};}{\levelnumbers;}\f10\fbias0 \fi-360\li1800\lin1800 }{\listlevel\leveln</w:t>
      </w:r>
      <w:r w:rsidRPr="005A1F79">
        <w:rPr>
          <w:rFonts w:ascii="Courier New" w:hAnsi="Courier New" w:cs="Courier New"/>
        </w:rPr>
        <w:t>fc23\levelnfcn23\leveljc0\leveljcn0\levelfollow0\levelstartat1\lvltentative\levelspace0\levelindent0{\leveltext\leveltemplateid687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2520\lin2520 }{\listlevel\levelnfc23\levelnfcn23\leveljc0\lev</w:t>
      </w:r>
      <w:r w:rsidRPr="005A1F79">
        <w:rPr>
          <w:rFonts w:ascii="Courier New" w:hAnsi="Courier New" w:cs="Courier New"/>
        </w:rPr>
        <w:t>eljcn0\levelfollow0\levelstartat1\lvltentative\levelspace0\levelindent0{\leveltext\leveltemplateid68747267\'01o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2\fbias0 \fi-360\li3240\lin3240 }{\listlevel\levelnfc23\levelnfcn23\leveljc0\leveljcn0\levelfollow0\levelstartat1\lvltentat</w:t>
      </w:r>
      <w:r w:rsidRPr="005A1F79">
        <w:rPr>
          <w:rFonts w:ascii="Courier New" w:hAnsi="Courier New" w:cs="Courier New"/>
        </w:rPr>
        <w:t xml:space="preserve">ive\levelspace0\levelindent0{\leveltext\leveltemplateid68747269\'01{\uc1\u-3929 ?};}{\l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3960\lin3960 }{\listlevel\levelnfc23\levelnfcn23\leveljc0\leveljcn0\levelfollow0\levelstartat1\lvltentative\levelspace0\levelindent0</w:t>
      </w:r>
      <w:r w:rsidRPr="005A1F79">
        <w:rPr>
          <w:rFonts w:ascii="Courier New" w:hAnsi="Courier New" w:cs="Courier New"/>
        </w:rPr>
        <w:t>{\leveltext\leveltemplateid68747265\'01{\uc1\u-3913 ?};}{\levelnumbers;}\f3\fbias0 \fi-360\li4680\lin4680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3\levelnfcn23\leveljc0\leveljcn0\levelfollow0\levelstartat1\lvltentative\levelspace0\levelindent0{\leveltext\leveltemplateid68</w:t>
      </w:r>
      <w:r w:rsidRPr="005A1F79">
        <w:rPr>
          <w:rFonts w:ascii="Courier New" w:hAnsi="Courier New" w:cs="Courier New"/>
        </w:rPr>
        <w:t>747267\'01o;}{\levelnumbers;}\f2\fbias0 \fi-360\li5400\lin5400 }{\listlevel\levelnfc23\levelnfcn23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vltentative\levelspace0\levelindent0{\leveltext\leveltemplateid68747269\'01{\uc1\u-3929 ?};}{\levelnumbers;}</w:t>
      </w:r>
      <w:r w:rsidRPr="005A1F79">
        <w:rPr>
          <w:rFonts w:ascii="Courier New" w:hAnsi="Courier New" w:cs="Courier New"/>
        </w:rPr>
        <w:t>\f10\fbias0 \fi-360\li6120\lin6120 }{\listname ;}\listid1763262427}{\list\listtemplateid630371960\listhybri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3\levelnfcn23\leveljc0\leveljcn0\levelfollow0\levelstartat1\levelspace0\levelindent0{\leveltext\leveltemplateid68747265\'01{\</w:t>
      </w:r>
      <w:r w:rsidRPr="005A1F79">
        <w:rPr>
          <w:rFonts w:ascii="Courier New" w:hAnsi="Courier New" w:cs="Courier New"/>
        </w:rPr>
        <w:t>uc1\u-3913 ?};}{\levelnumbers;}\f3\fbias0 \fi-360\li1287\lin1287 }{\listlevel\levelnfc23\levelnfcn23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vltentative\levelspace0\levelindent0{\leveltext\leveltemplateid68747267\'01o;}{\levelnumbers;}\f2\fbias0 \</w:t>
      </w:r>
      <w:r w:rsidRPr="005A1F79">
        <w:rPr>
          <w:rFonts w:ascii="Courier New" w:hAnsi="Courier New" w:cs="Courier New"/>
        </w:rPr>
        <w:t>fi-360\li2007\lin2007 }{\listlevel\levelnfc23\levelnfcn23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0\levelindent0{\leveltext\leveltemplateid68747269\'01{\uc1\u-3929 ?};}{\levelnumbers;}\f10\fbias0 \fi-360\li2727\lin2727 }{\lis</w:t>
      </w:r>
      <w:r w:rsidRPr="005A1F79">
        <w:rPr>
          <w:rFonts w:ascii="Courier New" w:hAnsi="Courier New" w:cs="Courier New"/>
        </w:rPr>
        <w:t>tlevel\levelnfc23\levelnfcn23\leveljc0\leveljcn0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65\'01{\uc1\u-3913 ?};}{\levelnumbers;}\f3\fbias0 \fi-360\li3447\lin3447 }{\listlevel\levelnfc23\levelnfcn23</w:t>
      </w:r>
      <w:r w:rsidRPr="005A1F79">
        <w:rPr>
          <w:rFonts w:ascii="Courier New" w:hAnsi="Courier New" w:cs="Courier New"/>
        </w:rPr>
        <w:t>\leveljc0\leveljcn0\levelfollow0\levelstartat1\lvltentative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7\'01o;}{\levelnumbers;}\f2\fbias0 \fi-360\li4167\lin4167 }{\listlevel\levelnfc23\levelnfcn23\leveljc0\leveljcn0\levelfollow0\levelstart</w:t>
      </w:r>
      <w:r w:rsidRPr="005A1F79">
        <w:rPr>
          <w:rFonts w:ascii="Courier New" w:hAnsi="Courier New" w:cs="Courier New"/>
        </w:rPr>
        <w:t>at1\lvltentative\levelspace0\levelindent0{\leveltext\leveltemplateid6874726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29 ?};}{\levelnumbers;}\f10\fbias0 \fi-360\li4887\lin4887 }{\listlevel\levelnfc23\levelnfcn23\leveljc0\leveljcn0\levelfollow0\levelstartat1\lvltentative\levelspace0</w:t>
      </w:r>
      <w:r w:rsidRPr="005A1F79">
        <w:rPr>
          <w:rFonts w:ascii="Courier New" w:hAnsi="Courier New" w:cs="Courier New"/>
        </w:rPr>
        <w:t>\levelindent0{\leveltext\leveltemplateid687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i5607\lin5607 }{\listlevel\levelnfc23\levelnfcn23\leveljc0\leveljcn0\levelfollow0\levelstartat1\lvltentative\levelspace0\levelindent0{\leveltext\leve</w:t>
      </w:r>
      <w:r w:rsidRPr="005A1F79">
        <w:rPr>
          <w:rFonts w:ascii="Courier New" w:hAnsi="Courier New" w:cs="Courier New"/>
        </w:rPr>
        <w:t>ltemplateid68747267\'01o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2\fbias0 \fi-360\li6327\lin6327 }{\listlevel\levelnfc23\levelnfcn23\leveljc0\leveljcn0\levelfollow0\levelstartat1\lvltentative\levelspace0\levelindent0{\leveltext\leveltemplateid68747269\'01{\uc1\u-3929 ?};}{\l</w:t>
      </w:r>
      <w:r w:rsidRPr="005A1F79">
        <w:rPr>
          <w:rFonts w:ascii="Courier New" w:hAnsi="Courier New" w:cs="Courier New"/>
        </w:rPr>
        <w:t xml:space="preserve">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7047\lin7047 }{\listname ;}\listid1814713574}{\list\listtemplateid1018046624{\listlevel\levelnfc0\levelnfcn0\leveljc0\leveljcn0\levelfollow0\levelstartat1\levelspace0\levelindent0{\leveltext\'02\'00.;}{\levelnumbers\'01</w:t>
      </w:r>
      <w:r w:rsidRPr="005A1F79">
        <w:rPr>
          <w:rFonts w:ascii="Courier New" w:hAnsi="Courier New" w:cs="Courier New"/>
        </w:rPr>
        <w:t xml:space="preserve">;}\rtlch\fcs1 \a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bias0 \s1\fi-432\li432\jclisttab\tx432\lin432 }{\listlevel\levelnfc0\levelnfcn0\leveljc0\leveljcn0\levelfollow0\levelstartat1\levelspace0\levelindent0{\leveltext\'03\'00.\'01;}{\levelnumbers\'01\'03;}\rtlch\fcs1 \af0 \ltr</w:t>
      </w:r>
      <w:r w:rsidRPr="005A1F79">
        <w:rPr>
          <w:rFonts w:ascii="Courier New" w:hAnsi="Courier New" w:cs="Courier New"/>
        </w:rPr>
        <w:t xml:space="preserve">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0\i0\cf0\fbias0 \s2\fi-576\li576\jclisttab\tx576\lin576 }{\listlevel\levelnfc0\levelnfcn0\leveljc0\leveljcn0\levelfollow0\levelstartat1\levelspace0\levelindent0{\leveltext\'05\'00.\'01.\'02;}{\levelnumbers\'01\'03\'05;}\rtlch\fcs1 \af0 \ltrch\f</w:t>
      </w:r>
      <w:r w:rsidRPr="005A1F79">
        <w:rPr>
          <w:rFonts w:ascii="Courier New" w:hAnsi="Courier New" w:cs="Courier New"/>
        </w:rPr>
        <w:t xml:space="preserve">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b0\cf0\fbias0 \s3\fi-720\li1560\jclisttab\tx1560\lin1560 }{\listlevel\levelnfc0\levelnfcn0\leveljc0\leveljcn0\levelfollow0\levelstartat1\levelspace0\levelindent0{\leveltext\'07\'00.\'01.\'02.\'03;}{\levelnumbers\'01\'03\'05\'07;}\rtlch\fcs1 \a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</w:t>
      </w:r>
      <w:r w:rsidRPr="005A1F79">
        <w:rPr>
          <w:rFonts w:ascii="Courier New" w:hAnsi="Courier New" w:cs="Courier New"/>
        </w:rPr>
        <w:t xml:space="preserve">ltrch\fcs0 \fbias0 \s4\fi-864\li864\jclisttab\tx864\lin864 }{\listlevel\levelnfc0\levelnfcn0\leveljc0\leveljcn0\levelfollow0\levelstartat1\levelspace0\levelindent0{\leveltext\'09\'00.\'01.\'02.\'03.\'04;}{\levelnumbers\'01\'03\'05\'07\'09;}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</w:t>
      </w:r>
      <w:r w:rsidRPr="005A1F79">
        <w:rPr>
          <w:rFonts w:ascii="Courier New" w:hAnsi="Courier New" w:cs="Courier New"/>
        </w:rPr>
        <w:t>f0 \ltrch\fcs0 \fbias0 \s5\fi-1008\li1008\jclisttab\tx1008\lin1008 }{\listlevel\levelnfc0\levelnfcn0\leveljc0\leveljcn0\levelfollow0\levelstartat1\levelspace0\levelindent0{\leveltext\'0b\'00.\'01.\'02.\'03.\'04.\'05;}{\levelnumbers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\'03\'05\'07\'09\'0</w:t>
      </w:r>
      <w:r w:rsidRPr="005A1F79">
        <w:rPr>
          <w:rFonts w:ascii="Courier New" w:hAnsi="Courier New" w:cs="Courier New"/>
        </w:rPr>
        <w:t>b;}\rtlch\fcs1 \af0 \ltrch\fcs0 \fbias0 \s6\fi-1152\li1152\jclisttab\tx1152\lin1152 }{\listlevel\levelnfc0\levelnfcn0\leveljc0\leveljcn0\levelfollow0\levelstartat1\levelspace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d\'00.\'01.\'02.\'03.\'04.\'05.\'06;}{\levelnumbers\</w:t>
      </w:r>
      <w:r w:rsidRPr="005A1F79">
        <w:rPr>
          <w:rFonts w:ascii="Courier New" w:hAnsi="Courier New" w:cs="Courier New"/>
        </w:rPr>
        <w:t>'01\'03\'05\'07\'09\'0b\'0d;}\rtlch\fcs1 \af0 \ltrch\fcs0 \fbias0 \s7\fi-1296\li1296\jclisttab\tx1296\lin1296 }{\listlevel\levelnfc0\levelnfcn0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'0f\'00.\'01.\'02.\'03.\'04.</w:t>
      </w:r>
      <w:r w:rsidRPr="005A1F79">
        <w:rPr>
          <w:rFonts w:ascii="Courier New" w:hAnsi="Courier New" w:cs="Courier New"/>
        </w:rPr>
        <w:t>\'05.\'06.\'07;}{\levelnumbers\'01\'03\'05\'07\'09\'0b\'0d\'0f;}\rtlch\fcs1 \af0 \ltrch\fcs0 \fbias0 \s8\fi-1440\li1440\jclisttab\tx1440\lin1440 }{\listlevel\levelnfc0\levelnfcn0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evelspace0\levelindent0{\lev</w:t>
      </w:r>
      <w:r w:rsidRPr="005A1F79">
        <w:rPr>
          <w:rFonts w:ascii="Courier New" w:hAnsi="Courier New" w:cs="Courier New"/>
        </w:rPr>
        <w:t>eltext\'11\'00.\'01.\'02.\'03.\'04.\'05.\'06.\'07.\'08;}{\levelnumbers\'01\'03\'05\'07\'09\'0b\'0d\'0f\'11;}\rtlch\fcs1 \af0 \ltrch\fcs0 \fbias0 \s9\fi-1584\li158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1584\lin1584 }{\listname ;}\listid1824005111}{\list\listtemplateid2109246200\l</w:t>
      </w:r>
      <w:r w:rsidRPr="005A1F79">
        <w:rPr>
          <w:rFonts w:ascii="Courier New" w:hAnsi="Courier New" w:cs="Courier New"/>
        </w:rPr>
        <w:t>isthybrid{\listlevel\levelnfc23\levelnfcn23\leveljc0\leveljcn0\levelfollow0\levelstartat0\levelspace0\levelindent0{\leveltext\leveltemplateid198536067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-;}{\levelnumbers;}\loch\af0\hich\af0\dbch\af0\fbias0 \fi-360\li960\jclisttab\tx960\lin960 }{\listl</w:t>
      </w:r>
      <w:r w:rsidRPr="005A1F79">
        <w:rPr>
          <w:rFonts w:ascii="Courier New" w:hAnsi="Courier New" w:cs="Courier New"/>
        </w:rPr>
        <w:t>evel\levelnfc23\levelnfcn23\leveljc0\leveljcn0\levelfollow0\levelstartat1\levelspace0\levelindent0{\leveltext\leveltemplateid6874726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o;}{\levelnumbers;}\f2\fbias0 \fi-360\li1440\jclisttab\tx1440\lin1440 }{\listlevel\levelnfc23\levelnfcn23\leveljc0\le</w:t>
      </w:r>
      <w:r w:rsidRPr="005A1F79">
        <w:rPr>
          <w:rFonts w:ascii="Courier New" w:hAnsi="Courier New" w:cs="Courier New"/>
        </w:rPr>
        <w:t>veljcn0\levelfollow0\levelstartat1\levelspace0\levelindent0{\leveltext\leveltemplateid68747269\'01{\uc1\u-3929 ?}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10\fbias0 \fi-360\li2160\jclisttab\tx2160\lin2160 }{\listlevel\levelnfc23\levelnfcn23\leveljc0\leveljcn0\levelfollow0\lev</w:t>
      </w:r>
      <w:r w:rsidRPr="005A1F79">
        <w:rPr>
          <w:rFonts w:ascii="Courier New" w:hAnsi="Courier New" w:cs="Courier New"/>
        </w:rPr>
        <w:t xml:space="preserve">elstartat1\lvltentative\levelspace0\levelindent0{\leveltext\leveltemplateid68747265\'01{\uc1\u-3913 ?};}{\levelnumbers;}\f3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2880\jclisttab\tx2880\lin2880 }{\listlevel\levelnfc23\levelnfcn23\leveljc0\leveljcn0\levelfollow0\levelstartat1\l</w:t>
      </w:r>
      <w:r w:rsidRPr="005A1F79">
        <w:rPr>
          <w:rFonts w:ascii="Courier New" w:hAnsi="Courier New" w:cs="Courier New"/>
        </w:rPr>
        <w:t>vltentative\levelspace0\levelindent0{\leveltext\leveltemplateid68747267\'01o;}{\levelnumbers;}\f2\fbias0 \fi-360\li360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3600\lin3600 }{\listlevel\levelnfc23\levelnfcn23\leveljc0\leveljcn0\levelfollow0\levelstartat1\lvltentative\levelspace0\le</w:t>
      </w:r>
      <w:r w:rsidRPr="005A1F79">
        <w:rPr>
          <w:rFonts w:ascii="Courier New" w:hAnsi="Courier New" w:cs="Courier New"/>
        </w:rPr>
        <w:t>velindent0{\leveltext\leveltemplateid68747269\'01{\uc1\u-3929 ?};}{\levelnumbers;}\f10\fbias0 \fi-360\li432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4320\lin4320 }{\listlevel\levelnfc23\levelnfcn23\leveljc0\leveljcn0\levelfollow0\levelstartat1\lvltentative\levelspace0\levelindent0{</w:t>
      </w:r>
      <w:r w:rsidRPr="005A1F79">
        <w:rPr>
          <w:rFonts w:ascii="Courier New" w:hAnsi="Courier New" w:cs="Courier New"/>
        </w:rPr>
        <w:t>\leveltext\leveltemplateid68747265\'01{\uc1\u-3913 ?};}{\levelnumbers;}\f3\fbias0 \fi-360\li504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5040\lin5040 }{\listlevel\levelnfc23\levelnfcn23\leveljc0\leveljcn0\levelfollow0\levelstartat1\lvltentative\levelspace0\levelindent0{\leveltext\l</w:t>
      </w:r>
      <w:r w:rsidRPr="005A1F79">
        <w:rPr>
          <w:rFonts w:ascii="Courier New" w:hAnsi="Courier New" w:cs="Courier New"/>
        </w:rPr>
        <w:t>eveltemplateid68747267\'01o;}{\levelnumbers;}\f2\fbias0 \fi-360\li5760\jclisttab\tx5760\lin5760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3\levelnfcn23\leveljc0\leveljcn0\levelfollow0\levelstartat1\lvltentative\levelspace0\levelindent0{\leveltext\leveltemplateid68747269\'01</w:t>
      </w:r>
      <w:r w:rsidRPr="005A1F79">
        <w:rPr>
          <w:rFonts w:ascii="Courier New" w:hAnsi="Courier New" w:cs="Courier New"/>
        </w:rPr>
        <w:t xml:space="preserve">{\uc1\u-3929 ?};}{\levelnumbers;}\f10\fbias0 \fi-360\li6480\jclisttab\tx6480\lin6480 }{\listname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;}\listid1876579265}{\list\listtemplateid409219744\listhybrid{\listlevel\levelnfc0\levelnfcn0\leveljc0\leveljcn0\levelfollow0\levelstartat1\levelspace0\level</w:t>
      </w:r>
      <w:r w:rsidRPr="005A1F79">
        <w:rPr>
          <w:rFonts w:ascii="Courier New" w:hAnsi="Courier New" w:cs="Courier New"/>
        </w:rPr>
        <w:t xml:space="preserve">indent0{\leveltext\leveltemplateid68747279\'02\'00.;}{\levelnumbers\'01;}\rtlch\fcs1 \a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bias0 \fi-360\li720\lin720 }{\listlevel\levelnfc4\levelnfcn4\leveljc0\leveljcn0\levelfollow0\levelstartat1\lvltentative\levelspace0\levelindent0{\leve</w:t>
      </w:r>
      <w:r w:rsidRPr="005A1F79">
        <w:rPr>
          <w:rFonts w:ascii="Courier New" w:hAnsi="Courier New" w:cs="Courier New"/>
        </w:rPr>
        <w:t xml:space="preserve">ltext\leveltemplateid68747289\'02\'01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1440\lin1440 }{\listlevel\levelnfc2\levelnfcn2\leveljc2\leveljcn2\levelfollow0\levelstartat1\lvltentative\levelspace0\levelindent0{\leveltext\leveltemplate</w:t>
      </w:r>
      <w:r w:rsidRPr="005A1F79">
        <w:rPr>
          <w:rFonts w:ascii="Courier New" w:hAnsi="Courier New" w:cs="Courier New"/>
        </w:rPr>
        <w:t xml:space="preserve">id68747291\'02\'02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180\li2160\lin2160 }{\listlevel\levelnfc0\levelnfcn0\leveljc0\leveljcn0\levelfollow0\levelstartat1\lvltentative\levelspace0\levelindent0{\leveltext\leveltemplateid68747279\'02\'03.</w:t>
      </w:r>
      <w:r w:rsidRPr="005A1F79">
        <w:rPr>
          <w:rFonts w:ascii="Courier New" w:hAnsi="Courier New" w:cs="Courier New"/>
        </w:rPr>
        <w:t xml:space="preserve">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2880\lin2880 }{\listlevel\levelnfc4\levelnfcn4\leveljc0\leveljcn0\levelfollow0\levelstartat1\lvltentative\levelspace0\levelindent0{\leveltext\leveltemplateid68747289\'02\'04.;}{\levelnumbers\'0</w:t>
      </w:r>
      <w:r w:rsidRPr="005A1F79">
        <w:rPr>
          <w:rFonts w:ascii="Courier New" w:hAnsi="Courier New" w:cs="Courier New"/>
        </w:rPr>
        <w:t xml:space="preserve">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3600\lin3600 }{\listlevel\levelnfc2\levelnfcn2\leveljc2\leveljcn2\levelfollow0\levelstartat1\lvltentative\levelspace0\levelindent0{\leveltext\leveltemplateid68747291\'02\'05.;}{\levelnumbers\'01;}\rtlch\fcs1 \af0</w:t>
      </w:r>
      <w:r w:rsidRPr="005A1F79">
        <w:rPr>
          <w:rFonts w:ascii="Courier New" w:hAnsi="Courier New" w:cs="Courier New"/>
        </w:rPr>
        <w:t xml:space="preserve">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i-180\li4320\lin4320 }{\listlevel\levelnfc0\levelnfcn0\leveljc0\leveljcn0\levelfollow0\levelstartat1\lvltentative\levelspace0\levelindent0{\leveltext\leveltemplateid68747279\'02\'06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</w:t>
      </w:r>
      <w:r w:rsidRPr="005A1F79">
        <w:rPr>
          <w:rFonts w:ascii="Courier New" w:hAnsi="Courier New" w:cs="Courier New"/>
        </w:rPr>
        <w:t xml:space="preserve">360\li5040\lin5040 }{\listlevel\levelnfc4\levelnfcn4\leveljc0\leveljcn0\levelfollow0\levelstartat1\lvltentative\levelspace0\levelindent0{\leveltext\leveltemplateid68747289\'02\'07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i-360\li5760\lin5760 </w:t>
      </w:r>
      <w:r w:rsidRPr="005A1F79">
        <w:rPr>
          <w:rFonts w:ascii="Courier New" w:hAnsi="Courier New" w:cs="Courier New"/>
        </w:rPr>
        <w:t xml:space="preserve">}{\listlevel\levelnfc2\levelnfcn2\leveljc2\leveljcn2\levelfollow0\levelstartat1\lvltentative\levelspace0\levelindent0{\leveltext\leveltemplateid68747291\'02\'08.;}{\levelnumbers\'01;}\rtlch\fcs1 \af0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180\li6480\lin6480 }{\listname ;}\list</w:t>
      </w:r>
      <w:r w:rsidRPr="005A1F79">
        <w:rPr>
          <w:rFonts w:ascii="Courier New" w:hAnsi="Courier New" w:cs="Courier New"/>
        </w:rPr>
        <w:t>id1880360296}{\list\listtemplateid1734362472\listhybrid{\listlevel\levelnfc23\levelnfcn23\leveljc0\leveljcn0\levelfollow0\levelstartat1\levelspace360\levelindent0{\leveltext\leveltemplateid68747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{\uc1\u-3913 ?};}{\levelnumbers;}\f3\fbias0 \fi-360\l</w:t>
      </w:r>
      <w:r w:rsidRPr="005A1F79">
        <w:rPr>
          <w:rFonts w:ascii="Courier New" w:hAnsi="Courier New" w:cs="Courier New"/>
        </w:rPr>
        <w:t>i720\lin720 }{\listlevel\levelnfc23\levelnfcn23\leveljc0\leveljcn0\levelfollow0\levelstartat1\lvltentative\levelspace360\levelindent0{\leveltext\leveltemplateid68747267\'01o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2\fbias0 \fi-360\li1440\lin1440 }{\listlevel\levelnfc23\level</w:t>
      </w:r>
      <w:r w:rsidRPr="005A1F79">
        <w:rPr>
          <w:rFonts w:ascii="Courier New" w:hAnsi="Courier New" w:cs="Courier New"/>
        </w:rPr>
        <w:t xml:space="preserve">nfcn23\leveljc0\leveljcn0\levelfollow0\levelstartat1\lvltentative\levelspace360\levelindent0{\leveltext\leveltemplateid68747269\'01{\uc1\u-3929 ?};}{\levelnumbers;}\f10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2160\lin2160 }{\listlevel\levelnfc23\levelnfcn23\leveljc0\leveljcn0\</w:t>
      </w:r>
      <w:r w:rsidRPr="005A1F79">
        <w:rPr>
          <w:rFonts w:ascii="Courier New" w:hAnsi="Courier New" w:cs="Courier New"/>
        </w:rPr>
        <w:t>levelfollow0\levelstartat1\lvltentative\levelspace360\levelindent0{\leveltext\leveltemplateid68747265\'01{\uc1\u-3913 ?};}{\levelnumbers;}\f3\fbias0 \fi-360\li2880\lin2880 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level\levelnfc23\levelnfcn23\leveljc0\leveljcn0\levelfollow0\levelstartat1\</w:t>
      </w:r>
      <w:r w:rsidRPr="005A1F79">
        <w:rPr>
          <w:rFonts w:ascii="Courier New" w:hAnsi="Courier New" w:cs="Courier New"/>
        </w:rPr>
        <w:t>lvltentative\levelspace360\levelindent0{\leveltext\leveltemplateid68747267\'01o;}{\levelnumbers;}\f2\fbias0 \fi-360\li3600\lin3600 }{\listlevel\levelnfc23\levelnfcn2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0\leveljcn0\levelfollow0\levelstartat1\lvltentative\levelspace360\levelindent0{\</w:t>
      </w:r>
      <w:r w:rsidRPr="005A1F79">
        <w:rPr>
          <w:rFonts w:ascii="Courier New" w:hAnsi="Courier New" w:cs="Courier New"/>
        </w:rPr>
        <w:t>leveltext\leveltemplateid68747269\'01{\uc1\u-3929 ?};}{\levelnumbers;}\f10\fbias0 \fi-360\li4320\lin4320 }{\listlevel\levelnfc23\levelnfcn23\leveljc0\leveljcn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vltentative\levelspace360\levelindent0{\leveltext\leveltemplateid6</w:t>
      </w:r>
      <w:r w:rsidRPr="005A1F79">
        <w:rPr>
          <w:rFonts w:ascii="Courier New" w:hAnsi="Courier New" w:cs="Courier New"/>
        </w:rPr>
        <w:t>8747265\'01{\uc1\u-3913 ?};}{\levelnumbers;}\f3\fbias0 \fi-360\li5040\lin5040 }{\listlevel\levelnfc23\levelnfcn23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360\levelindent0{\leveltext\leveltemplateid68747267\'01o;}{\levelnumber</w:t>
      </w:r>
      <w:r w:rsidRPr="005A1F79">
        <w:rPr>
          <w:rFonts w:ascii="Courier New" w:hAnsi="Courier New" w:cs="Courier New"/>
        </w:rPr>
        <w:t>s;}\f2\fbias0 \fi-360\li5760\lin5760 }{\listlevel\levelnfc23\levelnfcn23\leveljc0\leveljcn0\levelfollow0\levelstartat1\lvltentative\levelspace36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69\'01{\uc1\u-3929 ?};}{\levelnumbers;}\f10\fbias0 \fi-360\li64</w:t>
      </w:r>
      <w:r w:rsidRPr="005A1F79">
        <w:rPr>
          <w:rFonts w:ascii="Courier New" w:hAnsi="Courier New" w:cs="Courier New"/>
        </w:rPr>
        <w:t>80\lin6480 }{\listname ;}\listid1944923409}{\list\listtemplateid1522436852\listhybrid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evelspace0\levelindent0{\leveltext\leveltemplateid68747279\'02\'00.;}{\levelnumbers\'01;}</w:t>
      </w:r>
      <w:r w:rsidRPr="005A1F79">
        <w:rPr>
          <w:rFonts w:ascii="Courier New" w:hAnsi="Courier New" w:cs="Courier New"/>
        </w:rPr>
        <w:t>\rtlch\fcs1 \af0 \ltrch\fcs0 \fbias0 \fi-360\li720\jclisttab\tx720\lin720 }{\listlevel\levelnfc4\levelnfcn4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89\'02\'01.;}{\levelnumbers\'0</w:t>
      </w:r>
      <w:r w:rsidRPr="005A1F79">
        <w:rPr>
          <w:rFonts w:ascii="Courier New" w:hAnsi="Courier New" w:cs="Courier New"/>
        </w:rPr>
        <w:t>1;}\rtlch\fcs1 \af0 \ltrch\fcs0 \fi-360\li1440\jclisttab\tx1440\lin1440 }{\listlevel\levelnfc2\levelnfcn2\leveljc2\leveljcn2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91\'02\'02.;}{\levelnumbers\'01;</w:t>
      </w:r>
      <w:r w:rsidRPr="005A1F79">
        <w:rPr>
          <w:rFonts w:ascii="Courier New" w:hAnsi="Courier New" w:cs="Courier New"/>
        </w:rPr>
        <w:t>}\rtlch\fcs1 \af0 \ltrch\fcs0 \fi-180\li2160\jclisttab\tx2160\lin2160 }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79\'02\'03.;}{\levelnumbers\'01;}\</w:t>
      </w:r>
      <w:r w:rsidRPr="005A1F79">
        <w:rPr>
          <w:rFonts w:ascii="Courier New" w:hAnsi="Courier New" w:cs="Courier New"/>
        </w:rPr>
        <w:t>rtlch\fcs1 \af0 \ltrch\fcs0 \fi-360\li2880\jclisttab\tx2880\lin2880 }{\listlevel\levelnfc4\levelnfcn4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89\'02\'04.;}{\levelnumbers\'01;}\rt</w:t>
      </w:r>
      <w:r w:rsidRPr="005A1F79">
        <w:rPr>
          <w:rFonts w:ascii="Courier New" w:hAnsi="Courier New" w:cs="Courier New"/>
        </w:rPr>
        <w:t>lch\fcs1 \af0 \ltrch\fcs0 \fi-360\li3600\jclisttab\tx3600\lin3600 }{\listlevel\levelnfc2\levelnfcn2\leveljc2\leveljcn2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91\'02\'05.;}{\levelnumbers\'01;}\rtlc</w:t>
      </w:r>
      <w:r w:rsidRPr="005A1F79">
        <w:rPr>
          <w:rFonts w:ascii="Courier New" w:hAnsi="Courier New" w:cs="Courier New"/>
        </w:rPr>
        <w:t>h\fcs1 \af0 \ltrch\fcs0 \fi-180\li4320\jclisttab\tx4320\lin4320 }{\listlevel\levelnfc0\levelnfcn0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79\'02\'06.;}{\levelnumbers\'01;}\rtlch\</w:t>
      </w:r>
      <w:r w:rsidRPr="005A1F79">
        <w:rPr>
          <w:rFonts w:ascii="Courier New" w:hAnsi="Courier New" w:cs="Courier New"/>
        </w:rPr>
        <w:t>fcs1 \af0 \ltrch\fcs0 \fi-360\li5040\jclisttab\tx5040\lin5040 }{\listlevel\levelnfc4\levelnfcn4\leveljc0\leveljcn0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89\'02\'07.;}{\levelnumbers\'01;}\rtlch\fc</w:t>
      </w:r>
      <w:r w:rsidRPr="005A1F79">
        <w:rPr>
          <w:rFonts w:ascii="Courier New" w:hAnsi="Courier New" w:cs="Courier New"/>
        </w:rPr>
        <w:t>s1 \af0 \ltrch\fcs0 \fi-360\li5760\jclisttab\tx5760\lin5760 }{\listlevel\levelnfc2\levelnfcn2\leveljc2\leveljcn2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91\'02\'08.;}{\levelnumbers\'01;}\rtlch\fcs1</w:t>
      </w:r>
      <w:r w:rsidRPr="005A1F79">
        <w:rPr>
          <w:rFonts w:ascii="Courier New" w:hAnsi="Courier New" w:cs="Courier New"/>
        </w:rPr>
        <w:t xml:space="preserve"> \af0 \ltrch\fcs0 \fi-180\li6480\jclisttab\tx6480\lin6480 }{\listname ;}\listid1989288312}{\list\listtemplateid-184468402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isthybrid{\listlevel\levelnfc0\levelnfcn0\leveljc0\leveljcn0\levelfollow0\levelstartat1\levelspace0\levelindent0{\leveltext\levelt</w:t>
      </w:r>
      <w:r w:rsidRPr="005A1F79">
        <w:rPr>
          <w:rFonts w:ascii="Courier New" w:hAnsi="Courier New" w:cs="Courier New"/>
        </w:rPr>
        <w:t>emplateid725509780\'02\'00);}{\levelnumbers\'01;}\rtlch\fcs1 \af0 \ltrch\fcs0 \fbias0 \fi-360\li1080\lin1080 }{\listleve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4\levelnfcn4\leveljc0\leveljcn0\levelfollow0\levelstartat1\lvltentative\levelspace0\levelindent0{\leveltext\leveltemplateid6</w:t>
      </w:r>
      <w:r w:rsidRPr="005A1F79">
        <w:rPr>
          <w:rFonts w:ascii="Courier New" w:hAnsi="Courier New" w:cs="Courier New"/>
        </w:rPr>
        <w:t>8747289\'02\'01.;}{\levelnumbers\'01;}\rtlch\fcs1 \af0 \ltrch\fcs0 \fi-360\li1800\lin1800 }{\listlevel\levelnfc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nfcn2\leveljc2\leveljcn2\levelfollow0\levelstartat1\lvltentative\levelspace0\levelindent0{\leveltext\leveltemplateid68747291\'02\'02.;}{</w:t>
      </w:r>
      <w:r w:rsidRPr="005A1F79">
        <w:rPr>
          <w:rFonts w:ascii="Courier New" w:hAnsi="Courier New" w:cs="Courier New"/>
        </w:rPr>
        <w:t>\levelnumbers\'01;}\rtlch\fcs1 \af0 \ltrch\fcs0 \fi-180\li2520\lin2520 }{\listlevel\levelnfc0\levelnfcn0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vltentative\levelspace0\levelindent0{\leveltext\leveltemplateid68747279\'02\'03.;}{\levelnumbers\'01;}</w:t>
      </w:r>
      <w:r w:rsidRPr="005A1F79">
        <w:rPr>
          <w:rFonts w:ascii="Courier New" w:hAnsi="Courier New" w:cs="Courier New"/>
        </w:rPr>
        <w:t>\rtlch\fcs1 \af0 \ltrch\fcs0 \fi-360\li3240\lin3240 }{\listlevel\levelnfc4\levelnfcn4\leveljc0\leveljcn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follow0\levelstartat1\lvltentative\levelspace0\levelindent0{\leveltext\leveltemplateid68747289\'02\'04.;}{\levelnumbers\'01;}\rtlch\fcs1 \af0 \l</w:t>
      </w:r>
      <w:r w:rsidRPr="005A1F79">
        <w:rPr>
          <w:rFonts w:ascii="Courier New" w:hAnsi="Courier New" w:cs="Courier New"/>
        </w:rPr>
        <w:t>trch\fcs0 \fi-360\li3960\lin3960 }{\listlevel\levelnfc2\levelnfcn2\leveljc2\leveljcn2\levelfollow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\lvltentative\levelspace0\levelindent0{\leveltext\leveltemplateid68747291\'02\'05.;}{\levelnumbers\'01;}\rtlch\fcs1 \af0 \ltrch\fcs0 \fi-180\l</w:t>
      </w:r>
      <w:r w:rsidRPr="005A1F79">
        <w:rPr>
          <w:rFonts w:ascii="Courier New" w:hAnsi="Courier New" w:cs="Courier New"/>
        </w:rPr>
        <w:t>i4680\lin4680 }{\listlevel\levelnfc0\levelnfcn0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0\levelindent0{\leveltext\leveltemplateid68747279\'02\'06.;}{\levelnumbers\'01;}\rtlch\fcs1 \af0 \ltrch\fcs0 \fi-360\li5400\lin5400 }{\li</w:t>
      </w:r>
      <w:r w:rsidRPr="005A1F79">
        <w:rPr>
          <w:rFonts w:ascii="Courier New" w:hAnsi="Courier New" w:cs="Courier New"/>
        </w:rPr>
        <w:t>stlevel\levelnfc4\levelnfcn4\leveljc0\leveljcn0\levelfollow0\levelstartat1\lvltentativ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pace0\levelindent0{\leveltext\leveltemplateid68747289\'02\'07.;}{\levelnumbers\'01;}\rtlch\fcs1 \af0 \ltrch\fcs0 \fi-360\li6120\lin6120 }{\listlevel\levelnfc2\l</w:t>
      </w:r>
      <w:r w:rsidRPr="005A1F79">
        <w:rPr>
          <w:rFonts w:ascii="Courier New" w:hAnsi="Courier New" w:cs="Courier New"/>
        </w:rPr>
        <w:t>evelnfcn2\leveljc2\leveljcn2\levelfollow0\levelstartat1\lvltentative\levelspac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indent0{\leveltext\leveltemplateid68747291\'02\'08.;}{\levelnumbers\'01;}\rtlch\fcs1 \af0 \ltrch\fcs0 \fi-180\li6840\lin6840 }{\listname ;}\listid2067793732}{\list\list</w:t>
      </w:r>
      <w:r w:rsidRPr="005A1F79">
        <w:rPr>
          <w:rFonts w:ascii="Courier New" w:hAnsi="Courier New" w:cs="Courier New"/>
        </w:rPr>
        <w:t>templateid-154371250\listhybrid{\listlevel\levelnfc23\levelnfcn23\levelj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jcn0\levelfollow0\levelstartat1\levelspace360\levelindent0{\leveltext\leveltemplateid68747277\'01{\uc1\u-3844 ?};}{\levelnumbers;}\f10\fbias0 \fi-360\li720\lin720 }{\listleve</w:t>
      </w:r>
      <w:r w:rsidRPr="005A1F79">
        <w:rPr>
          <w:rFonts w:ascii="Courier New" w:hAnsi="Courier New" w:cs="Courier New"/>
        </w:rPr>
        <w:t>l\levelnfc23\levelnfcn23\leveljc0\leveljcn0\levelfollow0\levelstartat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vltentative\levelspace360\levelindent0{\leveltext\leveltemplateid68747267\'01o;}{\levelnumbers;}\f2\fbias0 \fi-360\li1440\lin1440 }{\listlevel\levelnfc23\levelnfcn23\leveljc0\leveljc</w:t>
      </w:r>
      <w:r w:rsidRPr="005A1F79">
        <w:rPr>
          <w:rFonts w:ascii="Courier New" w:hAnsi="Courier New" w:cs="Courier New"/>
        </w:rPr>
        <w:t>n0\levelfollow0\levelstartat1\lvltentative\levelspace360\levelindent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eveltext\leveltemplateid68747269\'01{\uc1\u-3929 ?};}{\levelnumbers;}\f10\fbias0 \fi-360\li2160\lin2160 }{\listlevel\levelnfc23\levelnfcn23\leveljc0\leveljcn0\levelfollow0\levelstart</w:t>
      </w:r>
      <w:r w:rsidRPr="005A1F79">
        <w:rPr>
          <w:rFonts w:ascii="Courier New" w:hAnsi="Courier New" w:cs="Courier New"/>
        </w:rPr>
        <w:t>at1\lvltentative\levelspace360\levelindent0{\leveltex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templateid68747265\'01{\uc1\u-3913 ?};}{\levelnumbers;}\f3\fbias0 \fi-360\li2880\lin2880 }{\listlevel\levelnfc23\levelnfcn23\leveljc0\leveljcn0\levelfollow0\levelstartat1\lvltentative\levelspace</w:t>
      </w:r>
      <w:r w:rsidRPr="005A1F79">
        <w:rPr>
          <w:rFonts w:ascii="Courier New" w:hAnsi="Courier New" w:cs="Courier New"/>
        </w:rPr>
        <w:t>360\levelindent0{\leveltext\leveltemplateid6874726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01o;}{\levelnumbers;}\f2\fbias0 \fi-360\li3600\lin3600 }{\listlevel\levelnfc23\levelnfcn23\leveljc0\leveljcn0\levelfollow0\levelstartat1\lvltentative\levelspace360\levelindent0{\leveltext\leveltemplate</w:t>
      </w:r>
      <w:r w:rsidRPr="005A1F79">
        <w:rPr>
          <w:rFonts w:ascii="Courier New" w:hAnsi="Courier New" w:cs="Courier New"/>
        </w:rPr>
        <w:t>id68747269\'01{\uc1\u-3929 ?};}{\levelnumbers;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10\fbias0 \fi-360\li4320\lin4320 }{\listlevel\levelnfc23\levelnfcn23\leveljc0\leveljcn0\levelfollow0\levelstartat1\lvltentative\levelspace360\levelindent0{\leveltext\leveltemplateid68747265\'01{\uc1\u-3913</w:t>
      </w:r>
      <w:r w:rsidRPr="005A1F79">
        <w:rPr>
          <w:rFonts w:ascii="Courier New" w:hAnsi="Courier New" w:cs="Courier New"/>
        </w:rPr>
        <w:t xml:space="preserve"> ?};}{\levelnumbers;}\f3\fbia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i-360\li5040\lin5040 }{\listlevel\levelnfc23\levelnfcn23\leveljc0\leveljcn0\levelfollow0\levelstartat1\lvltentative\levelspace360\levelindent0{\leveltext\leveltemplateid68747267\'01o;}{\levelnumbers;}\f2\fbias0 \fi-360\l</w:t>
      </w:r>
      <w:r w:rsidRPr="005A1F79">
        <w:rPr>
          <w:rFonts w:ascii="Courier New" w:hAnsi="Courier New" w:cs="Courier New"/>
        </w:rPr>
        <w:t>i5760\lin5760 }{\listleve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evelnfc23\levelnfcn23\leveljc0\leveljcn0\levelfollow0\levelstartat1\lvltentative\levelspace360\levelindent0{\leveltext\leveltemplateid68747269\'01{\uc1\u-3929 ?};}{\levelnumbers;}\f10\fbias0 \fi-360\li6480\lin6480 }{\listname </w:t>
      </w:r>
      <w:r w:rsidRPr="005A1F79">
        <w:rPr>
          <w:rFonts w:ascii="Courier New" w:hAnsi="Courier New" w:cs="Courier New"/>
        </w:rPr>
        <w:t>;}\listid2115706504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\listtemplateid-2015433038\listhybrid{\listlevel\levelnfc0\levelnfcn0\leveljc0\leveljcn0\levelfollow0\levelstartat1\levelspace0\levelindent0{\leveltext\leveltemplateid68747281\'02\'00);}{\levelnumbers\'01;}\rtlch\fcs1 \af0 \ltrc</w:t>
      </w:r>
      <w:r w:rsidRPr="005A1F79">
        <w:rPr>
          <w:rFonts w:ascii="Courier New" w:hAnsi="Courier New" w:cs="Courier New"/>
        </w:rPr>
        <w:t>h\fcs0 \fi-360\li72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720\lin720 }{\listlevel\levelnfc0\levelnfcn0\leveljc0\leveljcn0\levelfollow0\levelstartat1\levelspace0\levelindent0{\leveltext\leveltemplateid68747289\'02\'01.;}{\levelnumbers\'01;}\rtlch\fcs1 \af0 \ltrch\fcs0 \fi-360\li1</w:t>
      </w:r>
      <w:r w:rsidRPr="005A1F79">
        <w:rPr>
          <w:rFonts w:ascii="Courier New" w:hAnsi="Courier New" w:cs="Courier New"/>
        </w:rPr>
        <w:t>44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1440\lin1440 }{\listlevel\levelnfc0\levelnfcn0\leveljc0\leveljcn0\levelfollow0\levelstartat1\levelspace0\levelindent0{\leveltext\leveltemplateid68747291\'02\'02.;}{\levelnumbers\'01;}\rtlch\fcs1 \af0 \ltrch\fcs0 \fi-360\li216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</w:t>
      </w:r>
      <w:r w:rsidRPr="005A1F79">
        <w:rPr>
          <w:rFonts w:ascii="Courier New" w:hAnsi="Courier New" w:cs="Courier New"/>
        </w:rPr>
        <w:t>\tx2160\lin2160 }{\listlevel\levelnfc0\levelnfcn0\leveljc0\leveljcn0\levelfollow0\levelstartat1\levelspace0\levelindent0{\leveltext\leveltemplateid68747279\'02\'03.;}{\levelnumbers\'01;}\rtlch\fcs1 \af0 \ltrch\fcs0 \fi-360\li288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2880\lin2880</w:t>
      </w:r>
      <w:r w:rsidRPr="005A1F79">
        <w:rPr>
          <w:rFonts w:ascii="Courier New" w:hAnsi="Courier New" w:cs="Courier New"/>
        </w:rPr>
        <w:t xml:space="preserve"> }{\listlevel\levelnfc0\levelnfcn0\leveljc0\leveljcn0\levelfollow0\levelstartat1\levelspace0\levelindent0{\leveltext\leveltemplateid68747289\'02\'04.;}{\levelnumbers\'01;}\rtlch\fcs1 \af0 \ltrch\fcs0 \fi-360\li360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3600\lin3600 }{\listlevel\l</w:t>
      </w:r>
      <w:r w:rsidRPr="005A1F79">
        <w:rPr>
          <w:rFonts w:ascii="Courier New" w:hAnsi="Courier New" w:cs="Courier New"/>
        </w:rPr>
        <w:t>evelnfc0\levelnfcn0\leveljc0\leveljcn0\levelfollow0\levelstartat1\levelspace0\levelindent0{\leveltext\leveltemplateid68747291\'02\'05.;}{\levelnumbers\'01;}\rtlch\fcs1 \af0 \ltrch\fcs0 \fi-360\li432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4320\lin4320 }{\listlevel\levelnfc0\leveln</w:t>
      </w:r>
      <w:r w:rsidRPr="005A1F79">
        <w:rPr>
          <w:rFonts w:ascii="Courier New" w:hAnsi="Courier New" w:cs="Courier New"/>
        </w:rPr>
        <w:t>fcn0\leveljc0\leveljcn0\levelfollow0\levelstartat1\levelspace0\levelindent0{\leveltext\leveltemplateid68747279\'02\'06.;}{\levelnumbers\'01;}\rtlch\fcs1 \af0 \ltrch\fcs0 \fi-360\li504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5040\lin5040 }{\listlevel\levelnfc0\levelnfcn0\leveljc0\l</w:t>
      </w:r>
      <w:r w:rsidRPr="005A1F79">
        <w:rPr>
          <w:rFonts w:ascii="Courier New" w:hAnsi="Courier New" w:cs="Courier New"/>
        </w:rPr>
        <w:t>eveljcn0\levelfollow0\levelstartat1\levelspace0\levelindent0{\leveltext\leveltemplateid68747289\'02\'07.;}{\levelnumbers\'01;}\rtlch\fcs1 \af0 \ltrch\fcs0 \fi-360\li576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5760\lin5760 }{\listlevel\levelnfc0\levelnfcn0\leveljc0\leveljcn0\levelf</w:t>
      </w:r>
      <w:r w:rsidRPr="005A1F79">
        <w:rPr>
          <w:rFonts w:ascii="Courier New" w:hAnsi="Courier New" w:cs="Courier New"/>
        </w:rPr>
        <w:t>ollow0\levelstartat1\levelspace0\levelindent0{\leveltext\leveltemplateid68747291\'02\'08.;}{\levelnumbers\'01;}\rtlch\fcs1 \af0 \ltrch\fcs0 \fi-360\li648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clisttab\tx6480\lin6480 }{\listname ;}\listid2126921340}}{\*\listoverridetable{\listoverride\listi</w:t>
      </w:r>
      <w:r w:rsidRPr="005A1F79">
        <w:rPr>
          <w:rFonts w:ascii="Courier New" w:hAnsi="Courier New" w:cs="Courier New"/>
        </w:rPr>
        <w:t>d180551690\listoverridecount0\ls1}{\listoverride\listid1218779727\listoverridecount0\ls2}{\listoverride\listid1109665100\listoverridecount0\ls3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override\listid211624994\listoverridecount9{\lfolevel\listoverridestartat\levelstartat1}{\lfolevel\listo</w:t>
      </w:r>
      <w:r w:rsidRPr="005A1F79">
        <w:rPr>
          <w:rFonts w:ascii="Courier New" w:hAnsi="Courier New" w:cs="Courier New"/>
        </w:rPr>
        <w:t>verridestartat\levelstartat1}{\lfolevel\listoverridestartat\levelstartat1}{\lfolevel\listoverridestartat\levelstartat1}{\lfoleve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istoverridestartat\levelstartat1}{\lfolevel\listoverridestartat\levelstartat1}{\lfolevel\listoverridestartat\levelstartat1}</w:t>
      </w:r>
      <w:r w:rsidRPr="005A1F79">
        <w:rPr>
          <w:rFonts w:ascii="Courier New" w:hAnsi="Courier New" w:cs="Courier New"/>
        </w:rPr>
        <w:t>{\lfolevel\listoverridestartat\levelstartat1}{\lfolevel\listoverridestartat\levelstartat1}\ls4}{\listoverride\listid162407513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istoverridecount0\ls5}{\listoverride\listid465785144\listoverridecount0\ls6}{\listoverride\listid1880360296\listoverridecount0</w:t>
      </w:r>
      <w:r w:rsidRPr="005A1F79">
        <w:rPr>
          <w:rFonts w:ascii="Courier New" w:hAnsi="Courier New" w:cs="Courier New"/>
        </w:rPr>
        <w:t>\ls7}{\listoverride\listid1989288312\listoverridecount0\ls8}{\listoverride\listid1763262427\listoverridecount0\ls9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override\listid27608690\listoverridecount0\ls10}{\listoverride\listid441072414\listoverridecount0\ls11}{\listoverride\listid248193611</w:t>
      </w:r>
      <w:r w:rsidRPr="005A1F79">
        <w:rPr>
          <w:rFonts w:ascii="Courier New" w:hAnsi="Courier New" w:cs="Courier New"/>
        </w:rPr>
        <w:t>\listoverridecount0\ls12}{\listoverride\listid231162556\listoverridecount0\ls13}{\listoverride\listid18765792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istoverridecount0\ls14}{\listoverride\listid774599217\listoverridecount0\ls15}{\listoverride\listid1757357770\listoverridecount0\ls16}{\listo</w:t>
      </w:r>
      <w:r w:rsidRPr="005A1F79">
        <w:rPr>
          <w:rFonts w:ascii="Courier New" w:hAnsi="Courier New" w:cs="Courier New"/>
        </w:rPr>
        <w:t>verride\listid221406468\listoverridecount0\ls17}{\listoverride\listid2067793732\listoverridecount0\ls18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override\listid933975713\listoverridecount0\ls19}{\listoverride\listid780879535\listoverridecount0\ls20}{\listoverride\listid1421246143\listover</w:t>
      </w:r>
      <w:r w:rsidRPr="005A1F79">
        <w:rPr>
          <w:rFonts w:ascii="Courier New" w:hAnsi="Courier New" w:cs="Courier New"/>
        </w:rPr>
        <w:t>ridecount0\ls21}{\listoverride\listid152840754\listoverridecount9{\lfolevel\listoverridestarta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}{\lfolevel\listoverridestartat\levelstartat1}{\lfolevel\listoverridestartat\levelstartat1}{\lfolevel\listoverridestartat\levelstartat1}{\lfoleve</w:t>
      </w:r>
      <w:r w:rsidRPr="005A1F79">
        <w:rPr>
          <w:rFonts w:ascii="Courier New" w:hAnsi="Courier New" w:cs="Courier New"/>
        </w:rPr>
        <w:t>l\listoverridestartat\levelstartat1}{\lfolevel\listoverridestartat\levelstartat1}{\lfoleve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istoverridestartat\levelstartat1}{\lfolevel\listoverridestartat\levelstartat1}{\lfolevel\listoverridestartat\levelstartat1}\ls22}{\listoverride\listid1201015302\</w:t>
      </w:r>
      <w:r w:rsidRPr="005A1F79">
        <w:rPr>
          <w:rFonts w:ascii="Courier New" w:hAnsi="Courier New" w:cs="Courier New"/>
        </w:rPr>
        <w:t>listoverridecount0\ls23}{\listoverride\listid12002800\listoverridecount0\ls24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override\listid1454254983\listoverridecount0\ls25}{\listoverride\listid530343067\listoverridecount0\ls26}{\listoverride\listid1551838186\listoverridecount0\ls27}{\listove</w:t>
      </w:r>
      <w:r w:rsidRPr="005A1F79">
        <w:rPr>
          <w:rFonts w:ascii="Courier New" w:hAnsi="Courier New" w:cs="Courier New"/>
        </w:rPr>
        <w:t>rride\listid856576716\listoverridecount0\ls28}{\listoverride\listid7146546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istoverridecount0\ls29}{\listoverride\listid1814713574\listoverridecount0\ls30}{\listoverride\listid1167478957\listoverridecount0\ls31}{\listoverride\listid2115706504\listoverri</w:t>
      </w:r>
      <w:r w:rsidRPr="005A1F79">
        <w:rPr>
          <w:rFonts w:ascii="Courier New" w:hAnsi="Courier New" w:cs="Courier New"/>
        </w:rPr>
        <w:t>decount0\ls32}{\listoverride\listid10\listoverridecount0\ls33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override\listid10\listoverridecount9{\lfolevel\listoverridestartat\levelstartat0}{\lfolevel\listoverridestartat\levelstartat8}{\lfolevel\listoverridestartat\levelstartat1}{\lfolevel\list</w:t>
      </w:r>
      <w:r w:rsidRPr="005A1F79">
        <w:rPr>
          <w:rFonts w:ascii="Courier New" w:hAnsi="Courier New" w:cs="Courier New"/>
        </w:rPr>
        <w:t>overridestartat\levelstartat1}{\lfolevel\listoverridestarta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}{\lfolevel\listoverridestartat\levelstartat1}{\lfolevel\listoverridestartat\levelstartat1}{\lfolevel\listoverridestartat\levelstartat1}{\lfolevel\listoverridestartat\levelstartat1</w:t>
      </w:r>
      <w:r w:rsidRPr="005A1F79">
        <w:rPr>
          <w:rFonts w:ascii="Courier New" w:hAnsi="Courier New" w:cs="Courier New"/>
        </w:rPr>
        <w:t>}\ls34}{\listoverride\listid10\listoverridecount9{\lfolevel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folevel\listoverridestartat\levelstartat8}{\lfolevel\listoverridestartat\levelstartat1}{\lfolevel\listoverridestartat\levelstartat1}{\lfolevel\listoverridestartat\levelstartat1}{\lfolevel\lis</w:t>
      </w:r>
      <w:r w:rsidRPr="005A1F79">
        <w:rPr>
          <w:rFonts w:ascii="Courier New" w:hAnsi="Courier New" w:cs="Courier New"/>
        </w:rPr>
        <w:t>toverridestartat\levelstartat1}{\lfolevel\listoverridestarta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evelstartat1}{\lfolevel\listoverridestartat\levelstartat1}{\lfolevel\listoverridestartat\levelstartat1}\ls35}{\listoverride\listid71465468\listoverridecount9{\lfolevel}{\lfolevel}{\lfolevel}{</w:t>
      </w:r>
      <w:r w:rsidRPr="005A1F79">
        <w:rPr>
          <w:rFonts w:ascii="Courier New" w:hAnsi="Courier New" w:cs="Courier New"/>
        </w:rPr>
        <w:t>\lfolevel}{\lfolevel}{\lfolevel}{\lfolevel}{\lfolevel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folevel}\ls36}{\listoverride\listid221406468\listoverridecount9{\lfolevel}{\lfolevel}{\lfolevel}{\lfolevel}{\lfolevel}{\lfolevel}{\lfolevel}{\lfolevel}{\lfolevel}\ls37}{\listoverride\listid21269213</w:t>
      </w:r>
      <w:r w:rsidRPr="005A1F79">
        <w:rPr>
          <w:rFonts w:ascii="Courier New" w:hAnsi="Courier New" w:cs="Courier New"/>
        </w:rPr>
        <w:t>40\listoverridecount0\ls38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override\listid917397178\listoverridecount0\ls39}{\listoverride\listid22\listoverridecount0\ls40}{\listoverride\listid17\listoverridecount0\ls41}{\listoverride\listid877623024\listoverridecount0\ls42}{\listoverride\listid</w:t>
      </w:r>
      <w:r w:rsidRPr="005A1F79">
        <w:rPr>
          <w:rFonts w:ascii="Courier New" w:hAnsi="Courier New" w:cs="Courier New"/>
        </w:rPr>
        <w:t>126021563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istoverridecount0\ls43}{\listoverride\listid1597209855\listoverridecount0\ls44}{\listoverride\listid1824005111\listoverridecount0\ls45}{\listoverride\listid221601980\listoverridecount0\ls46}{\listoverride\listid1944923409\listoverridecount0\l</w:t>
      </w:r>
      <w:r w:rsidRPr="005A1F79">
        <w:rPr>
          <w:rFonts w:ascii="Courier New" w:hAnsi="Courier New" w:cs="Courier New"/>
        </w:rPr>
        <w:t>s47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listoverride\listid1647662000\listoverridecount0\ls48}{\listoverride\listid21\listoverridecount0\ls49}}{\*\pgptbl {\pgp\ipgp0\itap0\li0\ri0\sb0\sa0}}{\*\rsidtbl \rsid218018\rsid287078\rsid334835\rsid397023\rsid408870\rsid472349\rsid538368\rsid66769</w:t>
      </w:r>
      <w:r w:rsidRPr="005A1F79">
        <w:rPr>
          <w:rFonts w:ascii="Courier New" w:hAnsi="Courier New" w:cs="Courier New"/>
        </w:rPr>
        <w:t>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669575\rsid722137\rsid738153\rsid742740\rsid751010\rsid856855\rsid869368\rsid1057609\rsid1064011\rsid1124985\rsid1126345\rsid1146518\rsid1197960\rsid1198013\rsid1250456\rsid1259576\rsid1261250\rsid1263303\rsid1277861\rsid1319168\rsid133030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1</w:t>
      </w:r>
      <w:r w:rsidRPr="005A1F79">
        <w:rPr>
          <w:rFonts w:ascii="Courier New" w:hAnsi="Courier New" w:cs="Courier New"/>
        </w:rPr>
        <w:t>334197\rsid1507856\rsid1519707\rsid1647064\rsid1718916\rsid1780148\rsid1787199\rsid1901420\rsid1975913\rsid1991179\rsid2047675\rsid2098646\rsid2121949\rsid2123312\rsid2127843\rsid2170279\rsid2188077\rsid2252537\rsid2260717\rsid2305400\rsid245171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264</w:t>
      </w:r>
      <w:r w:rsidRPr="005A1F79">
        <w:rPr>
          <w:rFonts w:ascii="Courier New" w:hAnsi="Courier New" w:cs="Courier New"/>
        </w:rPr>
        <w:t>6131\rsid2650702\rsid2651193\rsid2846846\rsid2885586\rsid2896404\rsid3087985\rsid3150252\rsid3175486\rsid3217297\rsid3222499\rsid3224862\rsid3351803\rsid3374334\rsid3431764\rsid3440449\rsid3499434\rsid3609651\rsid3615014\rsid3619701\rsid374804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37514</w:t>
      </w:r>
      <w:r w:rsidRPr="005A1F79">
        <w:rPr>
          <w:rFonts w:ascii="Courier New" w:hAnsi="Courier New" w:cs="Courier New"/>
        </w:rPr>
        <w:t>48\rsid3810463\rsid3935886\rsid3940636\rsid4024554\rsid4069381\rsid4073370\rsid4201616\rsid4290926\rsid4326581\rsid4355448\rsid4391239\rsid4419563\rsid4422073\rsid4459094\rsid4472367\rsid4486920\rsid4487000\rsid4546290\rsid4605433\rsid472032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4735144</w:t>
      </w:r>
      <w:r w:rsidRPr="005A1F79">
        <w:rPr>
          <w:rFonts w:ascii="Courier New" w:hAnsi="Courier New" w:cs="Courier New"/>
        </w:rPr>
        <w:t>\rsid4744508\rsid4811378\rsid4813648\rsid4815095\rsid4816635\rsid4856901\rsid4869905\rsid4880303\rsid4880590\rsid4921770\rsid4941874\rsid5000606\rsid5057678\rsid5076180\rsid5121041\rsid5180846\rsid5269139\rsid5313861\rsid5445559\rsid552885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5537617\r</w:t>
      </w:r>
      <w:r w:rsidRPr="005A1F79">
        <w:rPr>
          <w:rFonts w:ascii="Courier New" w:hAnsi="Courier New" w:cs="Courier New"/>
        </w:rPr>
        <w:t>sid5588146\rsid5602249\rsid5646155\rsid5720795\rsid5798759\rsid5991823\rsid6036117\rsid6042747\rsid6179441\rsid6183202\rsid6229874\rsid6246016\rsid6299030\rsid6302839\rsid6364061\rsid6428934\rsid6503557\rsid6518323\rsid6578036\rsid658533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6626089\rsi</w:t>
      </w:r>
      <w:r w:rsidRPr="005A1F79">
        <w:rPr>
          <w:rFonts w:ascii="Courier New" w:hAnsi="Courier New" w:cs="Courier New"/>
        </w:rPr>
        <w:t>d6629474\rsid6630125\rsid6638180\rsid6647499\rsid6705463\rsid6757318\rsid6821289\rsid6826470\rsid6908863\rsid7028806\rsid7151622\rsid7158484\rsid7170772\rsid7219690\rsid7274885\rsid7277149\rsid7293144\rsid7418862\rsid7486141\rsid748924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7546134\rsid7</w:t>
      </w:r>
      <w:r w:rsidRPr="005A1F79">
        <w:rPr>
          <w:rFonts w:ascii="Courier New" w:hAnsi="Courier New" w:cs="Courier New"/>
        </w:rPr>
        <w:t>557897\rsid7568469\rsid7603502\rsid7802865\rsid7821319\rsid7828448\rsid7876749\rsid7937280\rsid7944431\rsid8201731\rsid8221877\rsid8222876\rsid8323676\rsid8328643\rsid8454895\rsid8466180\rsid8586444\rsid8586865\rsid8610303\rsid865275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8866233\rsid894</w:t>
      </w:r>
      <w:r w:rsidRPr="005A1F79">
        <w:rPr>
          <w:rFonts w:ascii="Courier New" w:hAnsi="Courier New" w:cs="Courier New"/>
        </w:rPr>
        <w:t>4490\rsid8990346\rsid9057380\rsid9062822\rsid9068594\rsid9110618\rsid9124713\rsid9139527\rsid9390099\rsid9461534\rsid9463829\rsid9505834\rsid9646988\rsid9656132\rsid9660106\rsid9776973\rsid9779838\rsid9839095\rsid9898045\rsid990511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9972067\rsid99830</w:t>
      </w:r>
      <w:r w:rsidRPr="005A1F79">
        <w:rPr>
          <w:rFonts w:ascii="Courier New" w:hAnsi="Courier New" w:cs="Courier New"/>
        </w:rPr>
        <w:t>18\rsid10125109\rsid10300092\rsid10302130\rsid10316790\rsid10359118\rsid10425814\rsid10446732\rsid10494932\rsid10497976\rsid10552623\rsid10571859\rsid10573338\rsid10574931\rsid10694517\rsid10769088\rsid10827153\rsid1090415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10907325\rsid10950962\rsid</w:t>
      </w:r>
      <w:r w:rsidRPr="005A1F79">
        <w:rPr>
          <w:rFonts w:ascii="Courier New" w:hAnsi="Courier New" w:cs="Courier New"/>
        </w:rPr>
        <w:t>11011380\rsid11037392\rsid11041811\rsid11094719\rsid11159111\rsid11161247\rsid11278564\rsid11283266\rsid11345379\rsid11365820\rsid11408411\rsid11482434\rsid11490324\rsid11491739\rsid11694652\rsid11740035\rsid1174302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11747369\rsid11814956\rsid1181800</w:t>
      </w:r>
      <w:r w:rsidRPr="005A1F79">
        <w:rPr>
          <w:rFonts w:ascii="Courier New" w:hAnsi="Courier New" w:cs="Courier New"/>
        </w:rPr>
        <w:t>4\rsid11877051\rsid11997935\rsid12017750\rsid12065954\rsid12071663\rsid12076940\rsid12085514\rsid12197245\rsid12325952\rsid12326242\rsid12483307\rsid12598460\rsid12604470\rsid12607305\rsid12650929\rsid1265101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12667614\rsid12722743\rsid12723417\rsid1</w:t>
      </w:r>
      <w:r w:rsidRPr="005A1F79">
        <w:rPr>
          <w:rFonts w:ascii="Courier New" w:hAnsi="Courier New" w:cs="Courier New"/>
        </w:rPr>
        <w:t>2742555\rsid12810311\rsid12877353\rsid12929418\rsid12937002\rsid13069889\rsid13195834\rsid13316498\rsid13333712\rsid13336309\rsid13453510\rsid13459235\rsid13465555\rsid13526569\rsid13568404\rsid1364287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13643945\rsid13655170\rsid13702541\rsid13715981</w:t>
      </w:r>
      <w:r w:rsidRPr="005A1F79">
        <w:rPr>
          <w:rFonts w:ascii="Courier New" w:hAnsi="Courier New" w:cs="Courier New"/>
        </w:rPr>
        <w:t>\rsid13722450\rsid13828753\rsid13836907\rsid13851590\rsid13965402\rsid13989551\rsid14104102\rsid14115481\rsid14223700\rsid14287134\rsid14290051\rsid14383482\rsid14579404\rsid14644816\rsid1464503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14763955\rsid14826051\rsid14888675\rsid14904161\rsid14</w:t>
      </w:r>
      <w:r w:rsidRPr="005A1F79">
        <w:rPr>
          <w:rFonts w:ascii="Courier New" w:hAnsi="Courier New" w:cs="Courier New"/>
        </w:rPr>
        <w:t>949409\rsid14956645\rsid15027151\rsid15096384\rsid15147288\rsid15292449\rsid15350989\rsid15353566\rsid15409219\rsid15425952\rsid15487741\rsid15488725\rsid15562595\rsid15736754\rsid1582029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sid15871469\rsid15872911\rsid15879653\rsid15882962\rsid15999151\</w:t>
      </w:r>
      <w:r w:rsidRPr="005A1F79">
        <w:rPr>
          <w:rFonts w:ascii="Courier New" w:hAnsi="Courier New" w:cs="Courier New"/>
        </w:rPr>
        <w:t>rsid16081743\rsid16084074\rsid16087137\rsid16129206\rsid16193131\rsid16213124\rsid16260176\rsid16386707\rsid16398391\rsid16453248\rsid16471371\rsid16543217\rsid16587161\rsid16727967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mmathPr\mmathFont34\mbrkBin0\mbrkBinSub0\msmallFrac0\mdispDef1\mlMargi</w:t>
      </w:r>
      <w:r w:rsidRPr="005A1F79">
        <w:rPr>
          <w:rFonts w:ascii="Courier New" w:hAnsi="Courier New" w:cs="Courier New"/>
        </w:rPr>
        <w:t>n0\mrMargin0\mdefJc1\mwrapIndent1440\mintLim0\mnaryLim1}{\info{\title \'cf\'d0\'ce\'d2\'ce\'ca\'ce\'cb}{\author \'ef\'ea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operator \'d1\'e5\'eb\'e8\'e2\'e5\'f0\'f1\'f2\'ee\'e2 \'c0\'eb\'e5\'ea\'f1\'e5\'e9 \'c0\'eb\'fc\'e1\'e5\'f0\'f2\'ee\'e2\'e8\'f7}{\c</w:t>
      </w:r>
      <w:r w:rsidRPr="005A1F79">
        <w:rPr>
          <w:rFonts w:ascii="Courier New" w:hAnsi="Courier New" w:cs="Courier New"/>
        </w:rPr>
        <w:t>reatim\yr2020\mo11\dy23\hr9\min57}{\revtim\yr2021\mo10\dy1\hr11\min57}{\printim\yr2013\mo6\dy4\hr14\min8}{\version54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edmins137}{\nofpages16}{\nofwords9447}{\nofchars53852}{\nofcharsws63173}{\vern87}}{\*\xmlnstbl {\xmlns1 http://schemas.microsoft.com/of</w:t>
      </w:r>
      <w:r w:rsidRPr="005A1F79">
        <w:rPr>
          <w:rFonts w:ascii="Courier New" w:hAnsi="Courier New" w:cs="Courier New"/>
        </w:rPr>
        <w:t xml:space="preserve">fice/word/2003/wordml}}\paperw11907\paperh16840\margl851\margr851\margt567\margb567\gutter0\ltrsect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deftab708\widowctrl\ftnbj\aenddoc\trackmoves0\trackformatting1\donotembedsysfont1\relyonvml0\donotembedlingdata0\grfdocevents0\validatexml1\showplacehold</w:t>
      </w:r>
      <w:r w:rsidRPr="005A1F79">
        <w:rPr>
          <w:rFonts w:ascii="Courier New" w:hAnsi="Courier New" w:cs="Courier New"/>
        </w:rPr>
        <w:t>text0\ignoremixedcontent0\saveinvalidxml0\showxmlerrors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noxlattoyen\expshrtn\noultrlspc\dntblnsbdb\nospaceforul\formshade\horzdoc\dgmargin\dghspace180\dgvspace180\dghorigin851\dgvorigin567\dghshow1\dgvshow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jexpand\viewkind1\viewscale124\pgbrdrhead\pg</w:t>
      </w:r>
      <w:r w:rsidRPr="005A1F79">
        <w:rPr>
          <w:rFonts w:ascii="Courier New" w:hAnsi="Courier New" w:cs="Courier New"/>
        </w:rPr>
        <w:t>brdrfoot\splytwnine\ftnlytwnine\htmautsp\nolnhtadjtbl\useltbaln\alntblind\lytcalctblwd\lyttblrtgr\lnbrkrule\nobrkwrptbl\snaptogridincell\allowfieldendsel\wrppunct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sianbrkrule\rsidroot14949409\newtblstyruls\nogrowautofit \fet0{\*\wgrffmtfilter 2450}\ilfo</w:t>
      </w:r>
      <w:r w:rsidRPr="005A1F79">
        <w:rPr>
          <w:rFonts w:ascii="Courier New" w:hAnsi="Courier New" w:cs="Courier New"/>
        </w:rPr>
        <w:t xml:space="preserve">macatclnup0{\*\ftnsep \ltrpar \pard\plain \ltrpar\ql \li0\ri0\widctlpar\wrapdefault\aspalpha\aspnum\faauto\adjustright\rin0\lin0\itap0 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f0\afs20\alang1025 \ltrch\fcs0 \fs20\lang1049\langfe1049\cgrid\langnp1049\langfenp1049 {\rtlch\fcs1 \af0 </w:t>
      </w:r>
      <w:r w:rsidRPr="005A1F79">
        <w:rPr>
          <w:rFonts w:ascii="Courier New" w:hAnsi="Courier New" w:cs="Courier New"/>
        </w:rPr>
        <w:t xml:space="preserve">\ltrch\fcs0 \insrsid5537617 \chftnsep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}{\*\ftnsepc \ltrpar \pard\plain \ltrpar\ql \li0\ri0\widctlpar\wrapdefault\aspalpha\aspnum\faauto\adjustright\rin0\lin0\itap0 \rtlch\fcs1 \af0\afs20\alang1025 \ltrch\fcs0 \fs20\lang1049\langfe1049\cgrid\langnp1</w:t>
      </w:r>
      <w:r w:rsidRPr="005A1F79">
        <w:rPr>
          <w:rFonts w:ascii="Courier New" w:hAnsi="Courier New" w:cs="Courier New"/>
        </w:rPr>
        <w:t xml:space="preserve">049\langfenp1049 {\rtlch\fcs1 \a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\insrsid5537617 \chftnsepc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}{\*\aftnsep \ltrpar \pard\plain \ltrpar\ql \li0\ri0\widctlpar\wrapdefault\aspalpha\aspnum\faauto\adjustright\rin0\lin0\itap0 \rtlch\fcs1 \af0\afs20\alang1025 \ltrch\fcs0 \</w:t>
      </w:r>
      <w:r w:rsidRPr="005A1F79">
        <w:rPr>
          <w:rFonts w:ascii="Courier New" w:hAnsi="Courier New" w:cs="Courier New"/>
        </w:rPr>
        <w:t xml:space="preserve">fs20\lang1049\langfe1049\cgrid\langnp1049\langfenp1049 {\rtlch\fcs1 \a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\insrsid5537617 \chftnsep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}{\*\aftnsepc \ltrpar \pard\plain \ltrpar\ql \li0\ri0\widctlpar\wrapdefault\aspalpha\aspnum\faauto\adjustright\rin0\lin0\itap0 \rtlch\f</w:t>
      </w:r>
      <w:r w:rsidRPr="005A1F79">
        <w:rPr>
          <w:rFonts w:ascii="Courier New" w:hAnsi="Courier New" w:cs="Courier New"/>
        </w:rPr>
        <w:t xml:space="preserve">cs1 \af0\afs20\alang1025 \ltrch\fcs0 \fs20\lang1049\langfe1049\cgrid\langnp1049\langfenp1049 {\rtlch\fcs1 \a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\insrsid5537617 \chftnsepc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}\ltrpar \sectd \ltrsect\psz9\linex0\endnhere\sectdefaultcl\sectrsid4880590\sftnbj {\footerr \lt</w:t>
      </w:r>
      <w:r w:rsidRPr="005A1F79">
        <w:rPr>
          <w:rFonts w:ascii="Courier New" w:hAnsi="Courier New" w:cs="Courier New"/>
        </w:rPr>
        <w:t>rpar \pard\plain \ltrpar\s26\ql \li0\ri0\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qc\tx4153\tqr\tx8306\pvpara\phmrg\posxr\posy0\wrapdefault\aspalpha\aspnum\faauto\adjustright\rin0\lin0\itap0 \rtlch\fcs1 \af0\afs20\alang1025 \ltrch\fcs0 \fs20\lang1049\langfe1049\cgrid\langnp1049\langf</w:t>
      </w:r>
      <w:r w:rsidRPr="005A1F79">
        <w:rPr>
          <w:rFonts w:ascii="Courier New" w:hAnsi="Courier New" w:cs="Courier New"/>
        </w:rPr>
        <w:t xml:space="preserve">enp1049 {\field{\*\fldinst {\rtlch\fcs1 \a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cs32\insrsid13965402 PAGE  }}{\fldrslt {\rtlch\fcs1 \af0 \ltrch\fcs0 \cs32\lang1024\langfe1024\noproof\insrsid218018 3}}}\sectd \ltrsect\linex0\endnhere\sectdefaultcl\sftnbj {\rtlch\fcs1 \af0 \ltr</w:t>
      </w:r>
      <w:r w:rsidRPr="005A1F79">
        <w:rPr>
          <w:rFonts w:ascii="Courier New" w:hAnsi="Courier New" w:cs="Courier New"/>
        </w:rPr>
        <w:t xml:space="preserve">ch\fcs0 \cs32\insrsid1396540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\ltrpar\s26\ql \li0\ri360\widctlpar\tqc\tx4153\tqr\tx8306\wrapdefault\aspalpha\aspnum\faauto\adjustright\rin360\lin0\itap0 {\rtlch\fcs1 \af0 \ltrch\fcs0 \insrsid1396540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}{\*\pnseclvl1\pnucrm\pnstart1\pni</w:t>
      </w:r>
      <w:r w:rsidRPr="005A1F79">
        <w:rPr>
          <w:rFonts w:ascii="Courier New" w:hAnsi="Courier New" w:cs="Courier New"/>
        </w:rPr>
        <w:t>ndent720\pnhang {\pntxta .}}{\*\pnseclvl2\pnucltr\pnstart1\pnindent720\pnhang {\pntxta .}}{\*\pnseclvl3\pndec\pnstart1\pnindent720\pnhang {\pntxta .}}{\*\pnseclvl4\pnlcltr\pnstart1\pnindent720\pnhang {\pntxta )}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*\pnseclvl5\pndec\pnstart1\pnindent720\p</w:t>
      </w:r>
      <w:r w:rsidRPr="005A1F79">
        <w:rPr>
          <w:rFonts w:ascii="Courier New" w:hAnsi="Courier New" w:cs="Courier New"/>
        </w:rPr>
        <w:t>nhang {\pntxtb (}{\pntxta )}}{\*\pnseclvl6\pnlcltr\pnstart1\pnindent720\pnhang {\pntxtb (}{\pntxta )}}{\*\pnseclvl7\pnlcrm\pnstart1\pnindent720\pnhang {\pntxtb (}{\pntxta )}}{\*\pnseclvl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nlcltr\pnstart1\pnindent720\pnhang {\pntxtb (}{\pntxta )}}{\*\pns</w:t>
      </w:r>
      <w:r w:rsidRPr="005A1F79">
        <w:rPr>
          <w:rFonts w:ascii="Courier New" w:hAnsi="Courier New" w:cs="Courier New"/>
        </w:rPr>
        <w:t>eclvl9\pnlcrm\pnstart1\pnindent720\pnhang {\pntxtb (}{\pntxta )}}\pard\plain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30\qc \li0\ri0\widctlpar\wrapdefault\aspalpha\aspnum\faauto\adjustright\rin0\lin0\itap0\pararsid14949409 \rtlch\fcs1 \af0\afs20\alang1025 \ltrch\fcs0 \fs22\lang1049\lan</w:t>
      </w:r>
      <w:r w:rsidRPr="005A1F79">
        <w:rPr>
          <w:rFonts w:ascii="Courier New" w:hAnsi="Courier New" w:cs="Courier New"/>
        </w:rPr>
        <w:t xml:space="preserve">gfe1049\cgrid\langnp1049\langfenp1049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insrsid5313861\charrsid538368  }{\rtlch\fcs1 \af0\afs22 \ltrch\fcs0 \b\insrsid11041811\charrsid538368 \'ce\'d2\'d7\'c5\'d2}{\rtlch\fcs1 \af0\afs22 \ltrch\fcs0 \b\insrsid13965402</w:t>
      </w:r>
      <w:r w:rsidRPr="005A1F79">
        <w:rPr>
          <w:rFonts w:ascii="Courier New" w:hAnsi="Courier New" w:cs="Courier New"/>
        </w:rPr>
        <w:t xml:space="preserve">\charrsid538368 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\'ee\'e1 \'e8\'f2\'ee\'e3\'e0\'f5 \'e3\'ee\'eb\'ee\'f1\'ee\'e2\'e0\'ed\'e8\'ff \'ed\'e0 }{\rtlch\fcs1 \af0\afs22 \ltrch\fcs0 \b\insrsid5646155\charrsid538368 \'e2\'ed\'e5\'ee\'f7\'e5\'f0\'e5\'e4\'ed\'ee\'ec}{\rtlch\fcs1 \af0\afs22 </w:t>
      </w:r>
      <w:r w:rsidRPr="005A1F79">
        <w:rPr>
          <w:rFonts w:ascii="Courier New" w:hAnsi="Courier New" w:cs="Courier New"/>
        </w:rPr>
        <w:t xml:space="preserve">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insrsid13965402\charrsid538368  \'ee\'e1\'f9\'e5\'ec \'f1\'ee\'e1\'f0\'e0\'ed\'e8\'e8 \'e0\'ea\'f6\'e8\'ee\'ed\'e5\'f0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b\insrsid11094719\charrsid538368 \'c0}{\rtlch\fcs1 \af0\afs22 \ltrch</w:t>
      </w:r>
      <w:r w:rsidRPr="005A1F79">
        <w:rPr>
          <w:rFonts w:ascii="Courier New" w:hAnsi="Courier New" w:cs="Courier New"/>
        </w:rPr>
        <w:t xml:space="preserve">\fcs0 \b\insrsid13965402\charrsid538368 \'ea\'f6\'e8\'ee\'ed\'e5\'f0\'ed\'ee\'e3\'ee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insrsid7158484\charrsid538368 \'ee}{\rtlch\fcs1 \af0\afs22 \ltrch\fcs0 \b\insrsid13965402\charrsid538368 \'e1\'f9\'e5\'f1\'f2\'e2</w:t>
      </w:r>
      <w:r w:rsidRPr="005A1F79">
        <w:rPr>
          <w:rFonts w:ascii="Courier New" w:hAnsi="Courier New" w:cs="Courier New"/>
        </w:rPr>
        <w:t xml:space="preserve">\'e0 }{\rtlch\fcs1 \af0\afs22 \ltrch\fcs0 \b\insrsid4880590\charrsid538368 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insrsid13965402\charrsid538368 \'ab\'d2\'e5\'f0\'ec\'e8\'ed\'e0\'eb \'c0\'f1\'f2\'e0\'f4\'fc\'e5\'e2\'e0\'b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</w:t>
      </w:r>
      <w:r w:rsidRPr="005A1F79">
        <w:rPr>
          <w:rFonts w:ascii="Courier New" w:hAnsi="Courier New" w:cs="Courier New"/>
        </w:rPr>
        <w:t xml:space="preserve">2 \ltrch\fcs0 \b\insrsid3810463\char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s30\qj \li0\ri0\widctlpar\tx0\wrapdefault\aspalpha\aspnum\faauto\adjustright\rin0\lin0\itap0\pararsid9110618 {\rtlch\fcs1 \af0\afs22 \ltrch\fcs0 \insrsid9110618\charrsid538368 \'cf\'ee\'e</w:t>
      </w:r>
      <w:r w:rsidRPr="005A1F79">
        <w:rPr>
          <w:rFonts w:ascii="Courier New" w:hAnsi="Courier New" w:cs="Courier New"/>
        </w:rPr>
        <w:t xml:space="preserve">b\'ed\'ee\'e5 \'f4\'e8\'f0\'ec\'e5\'ed\'ed\'ee\'e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0\'e8\'ec\'e5\'ed\'ee\'e2\'e0\'ed\'e8\'e5 \'ee\'e1\'f9\'e5\'f1\'f2\'e2\'e0: }{\rtlch\fcs1 \af0\afs22 \ltrch\fcs0 \insrsid11094719\charrsid538368 \'c0}{\rtlch\fcs1 \af0\afs22 \ltrch\fcs0 \insrsid91</w:t>
      </w:r>
      <w:r w:rsidRPr="005A1F79">
        <w:rPr>
          <w:rFonts w:ascii="Courier New" w:hAnsi="Courier New" w:cs="Courier New"/>
        </w:rPr>
        <w:t>10618\charrsid538368 \'ea\'f6\'e8\'ee\'ed\'e5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e5 }{\rtlch\fcs1 \af0\afs22 \ltrch\fcs0 \insrsid10446732\charrsid538368 \'ee}{\rtlch\fcs1 \af0\afs22 \ltrch\fcs0 \insrsid9110618\charrsid538368 \'e1\'f9\'e5\'f1\'f2\'e2\'ee \'ab\'d2\'e5\'f0\'ec\'</w:t>
      </w:r>
      <w:r w:rsidRPr="005A1F79">
        <w:rPr>
          <w:rFonts w:ascii="Courier New" w:hAnsi="Courier New" w:cs="Courier New"/>
        </w:rPr>
        <w:t>e8\'ed\'e0\'eb \'c0\'f1\'f2\'e0\'f4\'fc\'e5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0\'bb.}{\rtlch\fcs1 \af0\afs22 \ltrch\fcs0 \b\insrsid9110618\char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aspalpha\aspnum\faauto\adjustright\rin0\lin0\itap0\pararsid1109471</w:t>
      </w:r>
      <w:r w:rsidRPr="005A1F79">
        <w:rPr>
          <w:rFonts w:ascii="Courier New" w:hAnsi="Courier New" w:cs="Courier New"/>
        </w:rPr>
        <w:t xml:space="preserve">9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9110618\charrsid538368 \'cc\'e5\'f1\'f2\'ee \'ed\'e0\'f5\'ee\'e6\'e4\'e5\'ed\'e8\'ff \'ee\'e1\'f9\'e5\</w:t>
      </w:r>
      <w:r w:rsidRPr="005A1F79">
        <w:rPr>
          <w:rFonts w:ascii="Courier New" w:hAnsi="Courier New" w:cs="Courier New"/>
        </w:rPr>
        <w:t xml:space="preserve">'f1\'f2\'e2\'e0: }{\rtlch\fcs1 \af0\afs22 \ltrch\fcs0 \b\fs22\insrsid9110618\charrsid538368  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1094719\charrsid538368 \'cf\'f0\'e8\'ec\'ee\'f0\'f1\'ea\'e8\'e9 \'ea\'f0\'e0\'e9, \'e3. \'c2\'eb\'e0\'e4\'e8\'</w:t>
      </w:r>
      <w:r w:rsidRPr="005A1F79">
        <w:rPr>
          <w:rFonts w:ascii="Courier New" w:hAnsi="Courier New" w:cs="Courier New"/>
        </w:rPr>
        <w:t>e2\'ee\'f1\'f2\'ee\'ea, \'f3\'eb. \'d5\'e5\'f0\'f1\'ee\'ed\'f1\'ea\'e0\'ff, \'e4. 5, \'ea\'e0\'e1. 2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s22\insrsid8201731\charrsid538368 \'c0\'e4\'f0\'e5\'f1 \'ee\'e1\'f9\'e5\'f1\'f2\'e2\'e0:}{\rtlch\fcs1 \af0\af</w:t>
      </w:r>
      <w:r w:rsidRPr="005A1F79">
        <w:rPr>
          <w:rFonts w:ascii="Courier New" w:hAnsi="Courier New" w:cs="Courier New"/>
        </w:rPr>
        <w:t xml:space="preserve">s22 \ltrch\fcs0 \fs22\insrsid8652750 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11094719\charrsid538368 690012,}{\rtlch\fcs1 \af0\afs22 \ltrch\fcs0 \fs22\insrsid8201731\charrsid538368  }{\rtlch\fcs1 \af0\afs22 \ltrch\fcs0 \fs22\insrsid11094719\ch</w:t>
      </w:r>
      <w:r w:rsidRPr="005A1F79">
        <w:rPr>
          <w:rFonts w:ascii="Courier New" w:hAnsi="Courier New" w:cs="Courier New"/>
        </w:rPr>
        <w:t>arrsid538368 \'cf\'f0\'e8\'ec\'ee\'f0\'f1\'ea\'e8\'e9 \'ea\'f0\'e0\'e9, 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f0. \'c2\'eb\'e0\'e4\'e8\'e2\'ee\'f1\'f2\'ee\'ea, \'f3\'eb. \'d5\'e5\'f0\'f1\'ee\'ed\'f1\'ea\'e0\'ff, \'e4. 5, \'ea\'e0\'e1. 2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\qj \li0\ri0\ke</w:t>
      </w:r>
      <w:r w:rsidRPr="005A1F79">
        <w:rPr>
          <w:rFonts w:ascii="Courier New" w:hAnsi="Courier New" w:cs="Courier New"/>
        </w:rPr>
        <w:t>epn\widctlpar\tx0\wrapdefault\aspalpha\aspnum\faauto\outlinelevel1\adjustright\rin0\lin0\itap0\pararsid9110618 \rtlch\fcs1 \af0\afs20\alang1025 \ltrch\fcs0 \b\i\fs24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b</w:t>
      </w:r>
      <w:r w:rsidRPr="005A1F79">
        <w:rPr>
          <w:rFonts w:ascii="Courier New" w:hAnsi="Courier New" w:cs="Courier New"/>
        </w:rPr>
        <w:t>0\i0\fs22\insrsid9110618\charrsid538368 \'c2\'e8\'e4 \'ee\'e1\'f9\'e5\'e3\'ee \'f1\'ee\'e1\'f0\'e0\'ed\'e8\'ff: \'e2\'ed\'e5\'ee\'f7\'e5\'f0\'e5\'e4\'ed\'ee\'e5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4\'ee\'f0\'ec\'e0 \'ef\'f0\'ee\'e2\'e5\'e4\'e5\'ed\'e8\'ff \'ee\'e1\'f9\'e5\'e3\'ee \</w:t>
      </w:r>
      <w:r w:rsidRPr="005A1F79">
        <w:rPr>
          <w:rFonts w:ascii="Courier New" w:hAnsi="Courier New" w:cs="Courier New"/>
        </w:rPr>
        <w:t xml:space="preserve">'f1\'ee\'e1\'f0\'e0\'ed\'e8\'ff:}{\rtlch\fcs1 \af0\afs22 \ltrch\fcs0 \i0\fs22\insrsid9110618\charrsid538368 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0\i0\fs22\insrsid9110618\charrsid538368 \'f1\'ee\'e1\'f0\'e0\'ed\'e8\'e5.}{\rtlch\fcs1 \af0\afs22 \ltrch\f</w:t>
      </w:r>
      <w:r w:rsidRPr="005A1F79">
        <w:rPr>
          <w:rFonts w:ascii="Courier New" w:hAnsi="Courier New" w:cs="Courier New"/>
        </w:rPr>
        <w:t xml:space="preserve">cs0 \i0\fs22\insrsid9110618\charrsid538368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b0\i0\fs22\insrsid9110618\charrsid538368 \'c4\'e0\'f2\'e0 \'ef\'f0\'ee\'e2\'e5\'e4\'e5\'ed\'e8\'ff \'ee\'e1\'f9\'e5\'e3\'ee \'f1\'ee\'e1\'f0\'e0\'ed\'e8\'ff:}{\rtlch\f</w:t>
      </w:r>
      <w:r w:rsidRPr="005A1F79">
        <w:rPr>
          <w:rFonts w:ascii="Courier New" w:hAnsi="Courier New" w:cs="Courier New"/>
        </w:rPr>
        <w:t xml:space="preserve">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0\i0\fs22\insrsid869368\charrsid538368  }{\rtlch\fcs1 \af0\afs22 \ltrch\fcs0 \b0\i0\fs22\insrsid1319168 28}{\rtlch\fcs1 \af0\afs22 \ltrch\fcs0 \b0\i0\fs22\insrsid1991179  }{\rtlch\fcs1 \af0\afs22 \ltrch\fcs0 \b0\i0\fs22\insrs</w:t>
      </w:r>
      <w:r w:rsidRPr="005A1F79">
        <w:rPr>
          <w:rFonts w:ascii="Courier New" w:hAnsi="Courier New" w:cs="Courier New"/>
        </w:rPr>
        <w:t>id1319168 \'f1\'e5\'ed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f\'e1\'f0\'ff}{\rtlch\fcs1 \af0\afs22 \ltrch\fcs0 \b0\i0\fs22\insrsid9110618\charrsid538368  20}{\rtlch\fcs1 \af0\afs22 \ltrch\fcs0 \b0\i0\fs22\insrsid3940636\charrsid538368 2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0\i0\fs22</w:t>
      </w:r>
      <w:r w:rsidRPr="005A1F79">
        <w:rPr>
          <w:rFonts w:ascii="Courier New" w:hAnsi="Courier New" w:cs="Courier New"/>
        </w:rPr>
        <w:t xml:space="preserve">\insrsid6908863\charrsid538368 1}{\rtlch\fcs1 \af0\afs22 \ltrch\fcs0 \b0\i0\fs22\insrsid9110618\charrsid538368  \'e3}{\rtlch\fcs1 \af0\afs22 \ltrch\fcs0 \i0\fs22\insrsid9110618\charrsid538368 .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i0\fs22\insrsid9110618</w:t>
      </w:r>
      <w:r w:rsidRPr="005A1F79">
        <w:rPr>
          <w:rFonts w:ascii="Courier New" w:hAnsi="Courier New" w:cs="Courier New"/>
        </w:rPr>
        <w:t xml:space="preserve">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\plain \ltrpar\ql \li0\ri0\widctlpar\wrapdefault\aspalpha\aspnum\faauto\adjustright\rin0\lin0\itap0\pararsid11877051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chshdng0\chcfpat0\chcbpat8\insrsid11877051\charrsid11877051 \'c4\'e0\'f2\'e0, \'ed\'e0 \'ea\'ee\'f2\'ee\'f0\'f3\'fe \'ee\'ef\'f0\'e5\'e4\'e5\'eb\'ff\'fe\'f2\'f1\'ff (\'f4\'e8\'ea\'f1\'e8\'f0\'f3\'fe\'f2\'f1\'ff) \'eb\'e8\'f6\'e0, 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c\'e5\'fe\'f9\'e8\'e5 \'ef\'f0\'e0\'e2\'ee \'ed\'e0 \'f3\'f7\'e0\'f1\'f2\'e8\'e5 \'e2 \'ee\'e1\'f9\'e5\'ec \'f1\'ee\'e1\'f0\'e0\'ed\'e8\'e8 \'e0\'ea\'f6\'e8\'ee\'ed\'e5\'f0\'ee\'e2: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cf6\chshdng0\chcfpat0\chcb</w:t>
      </w:r>
      <w:r w:rsidRPr="005A1F79">
        <w:rPr>
          <w:rFonts w:ascii="Courier New" w:hAnsi="Courier New" w:cs="Courier New"/>
        </w:rPr>
        <w:t>pat8\insrsid11877051  }{\rtlch\fcs1 \af0\afs22 \ltrch\fcs0 \fs22\insrsid11877051 0}{\rtlch\fcs1 \af0\afs22 \ltrch\fcs0 \fs22\insrsid12071663 3}{\rtlch\fcs1 \af0\afs22 \ltrch\fcs0 \fs22\insrsid11877051\charrsid538368  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f0\afs22 \ltrch\fcs0 </w:t>
      </w:r>
      <w:r w:rsidRPr="005A1F79">
        <w:rPr>
          <w:rFonts w:ascii="Courier New" w:hAnsi="Courier New" w:cs="Courier New"/>
        </w:rPr>
        <w:t xml:space="preserve">\fs22\insrsid11877051 \'f1\'e5\'ed\'f2\'ff\'e1\'f0\'ff}{\rtlch\fcs1 \af0\afs22 \ltrch\fcs0 \fs22\insrsid11877051\charrsid538368  2021 \'e3.}{\rtlch\fcs1 \af0 \ltrch\fcs0 \insrsid11877051\charrsid1187705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x0\wrap</w:t>
      </w:r>
      <w:r w:rsidRPr="005A1F79">
        <w:rPr>
          <w:rFonts w:ascii="Courier New" w:hAnsi="Courier New" w:cs="Courier New"/>
        </w:rPr>
        <w:t xml:space="preserve">default\aspalpha\aspnum\faauto\adjustright\rin0\lin0\itap0\pararsid9110618 {\rtlch\fcs1 \af0\afs22 \ltrch\fcs0 \fs22\insrsid9110618\charrsid538368 \'cc\'e5\'f1\'f2\'ee \'ef\'f0\'ee\'e2\'e5\'e4\'e5\'ed\'e8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1\'f9\'e5\'e3\'ee \'f1\'ee\'e1\'f0\'e0</w:t>
      </w:r>
      <w:r w:rsidRPr="005A1F79">
        <w:rPr>
          <w:rFonts w:ascii="Courier New" w:hAnsi="Courier New" w:cs="Courier New"/>
        </w:rPr>
        <w:t xml:space="preserve">\'ed\'e8\'ff: \'cf\'f0\'e8\'ec\'ee\'f0\'f1\'ea\'e8\'e9 \'ea\'f0\'e0\'e9, \'e3. }{\rtlch\fcs1 \af0\afs22 \ltrch\fcs0 \fs22\insrsid13333712\charrsid538368 \'c2\'eb\'e0\'e4\'e8\'e2\'ee\'f1\'f2\'ee\'ea, \'f3\'eb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d5\'e5\'f0\'f1\'ee\'ed\'f1\'ea\'e0\'ff, \'e</w:t>
      </w:r>
      <w:r w:rsidRPr="005A1F79">
        <w:rPr>
          <w:rFonts w:ascii="Courier New" w:hAnsi="Courier New" w:cs="Courier New"/>
        </w:rPr>
        <w:t xml:space="preserve">4. 5.}{\rtlch\fcs1 \af0\afs22 \ltrch\fcs0 \fs22\insrsid9110618\char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{\rtlch\fcs1 \af0\afs22 \ltrch\fcs0 \b\fs22\insrsid9110618\char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\qc \li0\ri0\sb120\keepn\widctlpar\tx0\wrapdefault\aspalpha\aspnum</w:t>
      </w:r>
      <w:r w:rsidRPr="005A1F79">
        <w:rPr>
          <w:rFonts w:ascii="Courier New" w:hAnsi="Courier New" w:cs="Courier New"/>
        </w:rPr>
        <w:t xml:space="preserve">\faauto\outlinelevel2\adjustright\rin0\lin0\itap0\pararsid9110618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fs24\lang1049\langfe1049\cgrid\langnp1049\langfenp1049 {\rtlch\fcs1 \af0\afs22 \ltrch\fcs0 \fs22\insrsid9110618\charrsid538368 \'cf}{\rtlch\</w:t>
      </w:r>
      <w:r w:rsidRPr="005A1F79">
        <w:rPr>
          <w:rFonts w:ascii="Courier New" w:hAnsi="Courier New" w:cs="Courier New"/>
        </w:rPr>
        <w:t xml:space="preserve">fcs1 \af0\afs22 \ltrch\fcs0 \fs22\insrsid16193131 \'ee\'e2\'e5\'f1\'f2\'ea\'e0 \'e4\'ed\'ff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f0\afs22 \ltrch\fcs0 \fs22\insrsid9110618\charrsid538368 :}{\rtlch\fcs1 \af0\afs22 \ltrch\fcs0 \fs22\insrsid11694652\char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</w:t>
      </w:r>
      <w:r w:rsidRPr="005A1F79">
        <w:rPr>
          <w:rFonts w:ascii="Courier New" w:hAnsi="Courier New" w:cs="Courier New"/>
        </w:rPr>
        <w:t xml:space="preserve">lain \ltrpar\qj \li0\ri0\widctlpar\wrapdefault\aspalpha\aspnum\faauto\adjustright\rin0\lin0\itap0\pararsid9463829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</w:t>
      </w:r>
      <w:r w:rsidRPr="005A1F79">
        <w:rPr>
          <w:rFonts w:ascii="Courier New" w:hAnsi="Courier New" w:cs="Courier New"/>
        </w:rPr>
        <w:t>22\insrsid9463829     {\*\bkmkstart _Hlk80370828}{\*\bkmkstart _Hlk80352790}1. }{\rtlch\fcs1 \af0\afs22 \ltrch\fcs0 \fs22\insrsid9463829\charrsid15292449 \'ce \'e4\'ee\'f1\'f0\'ee\'f7\'ed\'ee\'ec \'ef\'f0\'e5\'ea\'f0\'e0\'f9\'e5\'ed\'e8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\'ef\'ee\'eb\</w:t>
      </w:r>
      <w:r w:rsidRPr="005A1F79">
        <w:rPr>
          <w:rFonts w:ascii="Courier New" w:hAnsi="Courier New" w:cs="Courier New"/>
        </w:rPr>
        <w:t>'ed\'ee\'ec\'ee\'f7\'e8\'e9 \'e5\'e4\'e8\'ed\'ee\'eb\'e8\'f7\'ed\'ee\'e3\'ee \'e8\'f1\'ef\'ee\'eb\'ed\'e8\'f2\'e5\'eb\'fc\'ed\'ee\'e3\'ee \'ee\'f0\'e3\'e0\'ed\'e0 \endash  \'e3\'e5\'ed\'e5\'f0\'e0\'eb\'fc\'ed\'ee\'e3\'ee \'e4\'e8\'f0\'e5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e\'f0\</w:t>
      </w:r>
      <w:r w:rsidRPr="005A1F79">
        <w:rPr>
          <w:rFonts w:ascii="Courier New" w:hAnsi="Courier New" w:cs="Courier New"/>
        </w:rPr>
        <w:t>'e0 \'c0\'ce \'ab\'d2\'e5\'f0\'ec\'e8\'ed\'e0\'eb \'c0\'f1\'f2\'e0\'f4\'fc\'e5\'e2\'e0\'bb{\*\bkmkend _Hlk80370828}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s22\insrsid9463829     2. }{\rtlch\fcs1 \af0\afs22 \ltrch\fcs0 \fs22\insrsid9463829\charrsid15</w:t>
      </w:r>
      <w:r w:rsidRPr="005A1F79">
        <w:rPr>
          <w:rFonts w:ascii="Courier New" w:hAnsi="Courier New" w:cs="Courier New"/>
        </w:rPr>
        <w:t>292449 \'ce\'e1 \'e8\'e7\'e1\'f0\'e0\'ed\'e8\'e8 \'e5\'e4\'e8\'ed\'ee\'eb\'e8\'f7\'ed\'ee\'e3\'ee \'e8\'f1\'ef\'ee\'eb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2\'e5\'eb\'fc\'ed\'ee\'e3\'ee \'ee\'f0\'e3\'e0\'ed\'e0 \endash  \'e3\'e5\'ed\'e5\'f0\'e0\'eb\'fc\'ed\'ee\'e3\'ee \'e4\'e8\'f0</w:t>
      </w:r>
      <w:r w:rsidRPr="005A1F79">
        <w:rPr>
          <w:rFonts w:ascii="Courier New" w:hAnsi="Courier New" w:cs="Courier New"/>
        </w:rPr>
        <w:t>\'e5\'ea\'f2\'ee\'f0\'e0 \'c0\'ce \'ab\'d2\'e5\'f0\'ec\'e8\'ed\'e0\'eb \'c0\'f1\'f2\'e0\'f4\'fc\'e5\'e2\'e0\'bb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s22\insrsid9463829 {\*\bkmkstart _Hlk80352543}    3. }{\rtlch\fcs1 \af0\afs22 \ltrch\fcs0 \fs22\in</w:t>
      </w:r>
      <w:r w:rsidRPr="005A1F79">
        <w:rPr>
          <w:rFonts w:ascii="Courier New" w:hAnsi="Courier New" w:cs="Courier New"/>
        </w:rPr>
        <w:t>srsid9463829\charrsid15292449 \'ce\'e1 \'ee\'e4\'ee\'e1\'f0\'e5\'ed\'e8\'e8 \'ea\'f0\'f3\'ef\'ed\'ee\'e9 \'f1\'e4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a\'e8 \endash  \'e4\'ee\'e3\'ee\'e2\'ee\'f0\'e0 \'ef\'ee\'f0\'f3\'f7\'e8\'f2\'e5\'eb\'fc\'f1\'f2\'e2\'e0 \'b9\'c4\'cf1-\'d6\'d3-70</w:t>
      </w:r>
      <w:r w:rsidRPr="005A1F79">
        <w:rPr>
          <w:rFonts w:ascii="Courier New" w:hAnsi="Courier New" w:cs="Courier New"/>
        </w:rPr>
        <w:t>2750/2021/00032 \'ee\'f2 03.06.2021 \'e3. \'ec\'e5\'e6\'e4\'f3 \'c0\'ce \'ab\'d2\'e5\'f0\'ec\'e8\'ed\'e0\'eb \'c0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0\'f4\'fc\'e5\'e2\'e0\'bb (\'c8\'cd\'cd 2508001618) \'e8 \'c1\'e0\'ed\'ea\'ee\'ec \'c2\'d2\'c1 (\'ef\'f3\'e1\'eb\'e8\'f7\'ed\'ee\'</w:t>
      </w:r>
      <w:r w:rsidRPr="005A1F79">
        <w:rPr>
          <w:rFonts w:ascii="Courier New" w:hAnsi="Courier New" w:cs="Courier New"/>
        </w:rPr>
        <w:t>e5 \'e0\'ea\'f6\'e8\'ee\'ed\'e5\'f0\'ed\'ee\'e5 \'ee\'e1\'f9\'e5\'f1\'f2\'e2\'ee) \'ef\'ee \'ea\'f0\'e5\'e4\'e8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fb\'ec \'ee\'e1\'ff\'e7\'e0\'f2\'e5\'eb\'fc\'f1\'f2\'e2\'e0\'ec \'ce\'ce\'ce \'ab\'c4\'e0\'eb\'fc\'d0\'fb\'e1\'cf\'ee\'f0\'f2\'bb (\'</w:t>
      </w:r>
      <w:r w:rsidRPr="005A1F79">
        <w:rPr>
          <w:rFonts w:ascii="Courier New" w:hAnsi="Courier New" w:cs="Courier New"/>
        </w:rPr>
        <w:t>c8\'cd\'cd 2537047582), \'e2\'ee\'e7\'ed\'e8\'ea\'e0\'fe\'f9\'e8\'ec \'e8\'e7 \'ea\'f0\'e5\'e4\'e8\'f2\'ed\'e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 \'f1\'ee\'e3\'eb\'e0\'f8\'e5\'ed\'e8\'ff \'b9 \'ca\'d1-\'d6\'d3-702750/2021/00032 \'ee\'f2 03.06.2021 \'e3. \'ec\'e5\'e6\'e4\'f3 \'ce\'</w:t>
      </w:r>
      <w:r w:rsidRPr="005A1F79">
        <w:rPr>
          <w:rFonts w:ascii="Courier New" w:hAnsi="Courier New" w:cs="Courier New"/>
        </w:rPr>
        <w:t>ce\'ce \'ab\'c4\'e0\'eb\'fc\'d0\'fb\'e1\'cf\'ee\'f0\'f2\'bb (\'c8\'cd\'cd 2537047582) \'e8 \'c1\'e0\'ed\'ea\'ee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\'c2\'d2\'c1 (\'cf\'c0\'ce) \endash  \'ea\'f0\'e5\'e4\'e8\'f2\'ed\'ee\'e9 \'eb\'e8\'ed\'e8\'e8 \'f1 \'eb\'e8\'ec\'e8\'f2\'ee\'ec \'e2\'fb\</w:t>
      </w:r>
      <w:r w:rsidRPr="005A1F79">
        <w:rPr>
          <w:rFonts w:ascii="Courier New" w:hAnsi="Courier New" w:cs="Courier New"/>
        </w:rPr>
        <w:t>'e4\'e0\'f7\'e8 \'e2 \'f1\'f3\'ec\'ec\'e5 108 529 411.76 \'f0\'f3\'e1\'eb\'e5\'e9 \'f1\'f0\'ee\'ea\'ee\'ec \'e4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10.07.2023\'e3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3\qj \li0\ri0\widctlpar\wrapdefault\aspalpha\aspnum\faauto\adjustright\rin0\lin0\itap0\parars</w:t>
      </w:r>
      <w:r w:rsidRPr="005A1F79">
        <w:rPr>
          <w:rFonts w:ascii="Courier New" w:hAnsi="Courier New" w:cs="Courier New"/>
        </w:rPr>
        <w:t>id9463829\contextualspace \rtlch\fcs1 \af0\afs20\alang1025 \ltrch\fcs0 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fs22\insrsid9463829     4. }{\rtlch\fcs1 \af0\afs22 \ltrch\fcs0 \fs22\insrsid9463829\charr</w:t>
      </w:r>
      <w:r w:rsidRPr="005A1F79">
        <w:rPr>
          <w:rFonts w:ascii="Courier New" w:hAnsi="Courier New" w:cs="Courier New"/>
        </w:rPr>
        <w:t xml:space="preserve">sid15292449 \'ce\'e1 \'ee\'e4\'ee\'e1\'f0\'e5\'ed\'e8\'e8 \'f1\'e4\'e5\'eb\'ea\'e8, \'f1\'ee\'e2\'e5\'f0\'f8\'e0\'e5\'ec\'ee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 \'e7\'e0\'e8\'ed\'f2\'e5\'f0\'e5\'f1\'ee\'e2\'e0\'ed\'ed\'ee\'f1\'f2\'fc\'fe \endash  \'e4\'ee\'e3\'ee\'e2\'ee\'f0\'e0 \</w:t>
      </w:r>
      <w:r w:rsidRPr="005A1F79">
        <w:rPr>
          <w:rFonts w:ascii="Courier New" w:hAnsi="Courier New" w:cs="Courier New"/>
        </w:rPr>
        <w:t>'ef\'ee\'f0\'f3\'f7\'e8\'f2\'e5\'eb\'fc\'f1\'f2\'e2\'e0 \'b9\'c4\'cf1-\'d6\'d3-702750/2021/00032 \'ee\'f2 03.06.2021 \'e3. 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6\'e4\'f3 \'c0\'ce \'ab\'d2\'e5\'f0\'ec\'e8\'ed\'e0\'eb \'c0\'f1\'f2\'e0\'f4\'fc\'e5\'e2\'e0\'bb (\'c8\'cd\'cd 250800161</w:t>
      </w:r>
      <w:r w:rsidRPr="005A1F79">
        <w:rPr>
          <w:rFonts w:ascii="Courier New" w:hAnsi="Courier New" w:cs="Courier New"/>
        </w:rPr>
        <w:t>8) \'e8 \'c1\'e0\'ed\'ea\'ee\'ec \'c2\'d2\'c1 (\'ef\'f3\'e1\'eb\'e8\'f7\'ed\'ee\'e5 \'e0\'ea\'f6\'e8\'ee\'ed\'e5\'f0\'ed\'ee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\'ee\'e1\'f9\'e5\'f1\'f2\'e2\'ee) \'ef\'ee \'ea\'f0\'e5\'e4\'e8\'f2\'ed\'fb\'ec \'ee\'e1\'ff\'e7\'e0\'f2\'e5\'eb\'fc\'f1\'f2\</w:t>
      </w:r>
      <w:r w:rsidRPr="005A1F79">
        <w:rPr>
          <w:rFonts w:ascii="Courier New" w:hAnsi="Courier New" w:cs="Courier New"/>
        </w:rPr>
        <w:t>'e2\'e0\'ec \'ce\'ce\'ce \'ab\'c4\'e0\'eb\'fc\'d0\'fb\'e1\'cf\'ee\'f0\'f2\'bb (\'c8\'cd\'cd 2537047582), \'e2\'ee\'e7\'ed\'e8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e\'f9\'e8\'ec \'e8\'e7 \'ea\'f0\'e5\'e4\'e8\'f2\'ed\'ee\'e3\'ee \'f1\'ee\'e3\'eb\'e0\'f8\'e5\'ed\'e8\'ff \'b9 \'ca\'d1</w:t>
      </w:r>
      <w:r w:rsidRPr="005A1F79">
        <w:rPr>
          <w:rFonts w:ascii="Courier New" w:hAnsi="Courier New" w:cs="Courier New"/>
        </w:rPr>
        <w:t>-\'d6\'d3-702750/2021/00032 \'ee\'f2 03.06.2021 \'e3. \'ec\'e5\'e6\'e4\'f3 \'ce\'ce\'ce \'ab\'c4\'e0\'eb\'fc\'d0\'fb\'e1\'c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f2\'bb (\'c8\'cd\'cd 2537047582) \'e8 \'c1\'e0\'ed\'ea\'ee\'ec \'c2\'d2\'c1 (\'cf\'c0\'ce) \endash  \'ea\'f0\'e5\'e4\'e8</w:t>
      </w:r>
      <w:r w:rsidRPr="005A1F79">
        <w:rPr>
          <w:rFonts w:ascii="Courier New" w:hAnsi="Courier New" w:cs="Courier New"/>
        </w:rPr>
        <w:t>\'f2\'ed\'ee\'e9 \'eb\'e8\'ed\'e8\'e8 \'f1 \'eb\'e8\'ec\'e8\'f2\'ee\'ec \'e2\'fb\'e4\'e0\'f7\'e8 \'e2 \'f1\'f3\'ec\'ec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108 529 411.76 \'f0\'f3\'e1\'eb\'e5\'e9 \'f1\'f0\'ee\'ea\'ee\'ec \'e4\'ee 10.07.2023\'e3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</w:t>
      </w:r>
      <w:r w:rsidRPr="005A1F79">
        <w:rPr>
          <w:rFonts w:ascii="Courier New" w:hAnsi="Courier New" w:cs="Courier New"/>
        </w:rPr>
        <w:t>0 \fs22\insrsid9463829     5. }{\rtlch\fcs1 \af0\afs22 \ltrch\fcs0 \fs22\insrsid9463829\charrsid15292449 \'ce\'e1 \'ee\'e4\'ee\'e1\'f0\'e5\'ed\'e8\'e8 \'ea\'f0\'f3\'ef\'ed\'ee\'e9 \'f1\'e4\'e5\'eb\'ea\'e8 \endash  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3\'ee\'e2\'ee\'f0\'e0 \'ef\'e</w:t>
      </w:r>
      <w:r w:rsidRPr="005A1F79">
        <w:rPr>
          <w:rFonts w:ascii="Courier New" w:hAnsi="Courier New" w:cs="Courier New"/>
        </w:rPr>
        <w:t>e\'f0\'f3\'f7\'e8\'f2\'e5\'eb\'fc\'f1\'f2\'e2\'e0 \'b9\'c4\'cf2-\'d6\'d3-702750/2021/00037 \'ee\'f2 01.07.2021 \'e3. \'ec\'e5\'e6\'e4\'f3 \'c0\'ce \'ab\'d2\'e5\'f0\'ec\'e8\'ed\'e0\'eb \'c0\'f1\'f2\'e0\'f4\'fc\'e5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bb (\'c8\'cd\'cd 2508001618) \'e</w:t>
      </w:r>
      <w:r w:rsidRPr="005A1F79">
        <w:rPr>
          <w:rFonts w:ascii="Courier New" w:hAnsi="Courier New" w:cs="Courier New"/>
        </w:rPr>
        <w:t>8 \'c1\'e0\'ed\'ea\'ee\'ec \'c2\'d2\'c1 (\'ef\'f3\'e1\'eb\'e8\'f7\'ed\'ee\'e5 \'e0\'ea\'f6\'e8\'ee\'ed\'e5\'f0\'ed\'ee\'e5 \'ee\'e1\'f9\'e5\'f1\'f2\'e2\'ee) \'ef\'ee \'ea\'f0\'e5\'e4\'e8\'f2\'ed\'fb\'ec \'ee\'e1\'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0\'f2\'e5\'eb\'fc\'f1\'f2\'e2\'e</w:t>
      </w:r>
      <w:r w:rsidRPr="005A1F79">
        <w:rPr>
          <w:rFonts w:ascii="Courier New" w:hAnsi="Courier New" w:cs="Courier New"/>
        </w:rPr>
        <w:t>0\'ec \'c0\'ce \'ab\'c4\'c0\'cb\'dc\'ca\'ce\'cc\'d5\'ce\'cb\'ce\'c4\'bb (\'c8\'cd\'cd 2537003955), \'e2\'ee\'e7\'ed\'e8\'ea\'e0\'fe\'f9\'e8\'ec \'e8\'e7 \'ea\'f0\'e5\'e4\'e8\'f2\'ed\'ee\'e3\'ee \'f1\'ee\'e3\'eb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8\'e5\'ed\'e8\'ff \'b9 \'ca\'d1-\'d6\</w:t>
      </w:r>
      <w:r w:rsidRPr="005A1F79">
        <w:rPr>
          <w:rFonts w:ascii="Courier New" w:hAnsi="Courier New" w:cs="Courier New"/>
        </w:rPr>
        <w:t>'d3-702750/2021/00037 \'ee\'f2 01.07.2021 \'e3. \'ec\'e5\'e6\'e4\'f3 \'c0\'ce \'ab\'c4\'c0\'cb\'dc\'ca\'ce\'cc\'d5\'ce\'cb\'ce\'c4\'bb (\'c8\'cd\'cd 2537003955) \'e8 \'c1\'e0\'ed\'ea\'ee\'ec \'c2\'d2\'c1 (\'cf\'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) \endash  \'ea\'f0\'e5\'e4\'e8\'f2\'</w:t>
      </w:r>
      <w:r w:rsidRPr="005A1F79">
        <w:rPr>
          <w:rFonts w:ascii="Courier New" w:hAnsi="Courier New" w:cs="Courier New"/>
        </w:rPr>
        <w:t>ed\'ee\'e9 \'eb\'e8\'ed\'e8\'e8 \'f1 \'eb\'e8\'ec\'e8\'f2\'ee\'ec \'e2\'fb\'e4\'e0\'f7\'e8 \'e2 \'f1\'f3\'ec\'ec\'e5 300 \'ec\'eb\'ed. \'f0\'f3\'e1\'eb\'e5\'e9 \'f1\'f0\'ee\'ea\'ee\'ec \'e4\'ee 1095 \'e4\'ed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9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</w:t>
      </w:r>
      <w:r w:rsidRPr="005A1F79">
        <w:rPr>
          <w:rFonts w:ascii="Courier New" w:hAnsi="Courier New" w:cs="Courier New"/>
        </w:rPr>
        <w:t>\fcs0 \fs22\insrsid9463829     6. }{\rtlch\fcs1 \af0\afs22 \ltrch\fcs0 \fs22\insrsid9463829\charrsid15292449 \'ce\'e1 \'ee\'e4\'ee\'e1\'f0\'e5\'ed\'e8\'e8 \'f1\'e4\'e5\'eb\'ea\'e8, \'f1\'ee\'e2\'e5\'f0\'f8\'e0\'e5\'ec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9 \'f1 \'e7\'e0\'e8\'ed\'f2\'e</w:t>
      </w:r>
      <w:r w:rsidRPr="005A1F79">
        <w:rPr>
          <w:rFonts w:ascii="Courier New" w:hAnsi="Courier New" w:cs="Courier New"/>
        </w:rPr>
        <w:t xml:space="preserve">5\'f0\'e5\'f1\'ee\'e2\'e0\'ed\'ed\'ee\'f1\'f2\'fc\'fe \endash  \'e4\'ee\'e3\'ee\'e2\'ee\'f0\'e0 \'ef\'ee\'f0\'f3\'f7\'e8\'f2\'e5\'eb\'fc\'f1\'f2\'e2\'e0 \'b9\'c4\'cf2-\'d6\'d3-702750/2021/00037 \'ee\'f2 01.07.2021 \'e3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5\'e6\'e4\'f3 \'c0\'ce \'ab</w:t>
      </w:r>
      <w:r w:rsidRPr="005A1F79">
        <w:rPr>
          <w:rFonts w:ascii="Courier New" w:hAnsi="Courier New" w:cs="Courier New"/>
        </w:rPr>
        <w:t>\'d2\'e5\'f0\'ec\'e8\'ed\'e0\'eb \'c0\'f1\'f2\'e0\'f4\'fc\'e5\'e2\'e0\'bb (\'c8\'cd\'cd 2508001618) \'e8 \'c1\'e0\'ed\'ea\'ee\'ec \'c2\'d2\'c1 (\'ef\'f3\'e1\'eb\'e8\'f7\'ed\'ee\'e5 \'e0\'ea\'f6\'e8\'ee\'ed\'e5\'f0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e\'e1\'f9\'e5\'f1\'f2\'e2</w:t>
      </w:r>
      <w:r w:rsidRPr="005A1F79">
        <w:rPr>
          <w:rFonts w:ascii="Courier New" w:hAnsi="Courier New" w:cs="Courier New"/>
        </w:rPr>
        <w:t>\'ee) \'ef\'ee \'ea\'f0\'e5\'e4\'e8\'f2\'ed\'fb\'ec \'ee\'e1\'ff\'e7\'e0\'f2\'e5\'eb\'fc\'f1\'f2\'e2\'e0\'ec \'c0\'ce \'ab\'c4\'c0\'cb\'dc\'ca\'ce\'cc\'d5\'ce\'cb\'ce\'c4\'bb (\'c8\'cd\'cd 2537003955), \'e2\'ee\'e7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0\'fe\'f9\'e8\'ec \'e8\'e</w:t>
      </w:r>
      <w:r w:rsidRPr="005A1F79">
        <w:rPr>
          <w:rFonts w:ascii="Courier New" w:hAnsi="Courier New" w:cs="Courier New"/>
        </w:rPr>
        <w:t>7 \'ea\'f0\'e5\'e4\'e8\'f2\'ed\'ee\'e3\'ee \'f1\'ee\'e3\'eb\'e0\'f8\'e5\'ed\'e8\'ff \'b9 \'ca\'d1-\'d6\'d3-702750/2021/00037 \'ee\'f2 01.07.2021 \'e3. \'ec\'e5\'e6\'e4\'f3 \'c0\'ce \'ab\'c4\'c0\'cb\'dc\'ca\'ce\'cc\'d5\'c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b\'ce\'c4\'bb (\'c8\'cd\'cd 25</w:t>
      </w:r>
      <w:r w:rsidRPr="005A1F79">
        <w:rPr>
          <w:rFonts w:ascii="Courier New" w:hAnsi="Courier New" w:cs="Courier New"/>
        </w:rPr>
        <w:t>37003955) \'e8 \'c1\'e0\'ed\'ea\'ee\'ec \'c2\'d2\'c1 (\'cf\'c0\'ce) \endash  \'ea\'f0\'e5\'e4\'e8\'f2\'ed\'ee\'e9 \'eb\'e8\'ed\'e8\'e8 \'f1 \'eb\'e8\'ec\'e8\'f2\'ee\'ec \'e2\'fb\'e4\'e0\'f7\'e8 \'e2 \'f1\'f3\'ec\'ec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300 \'ec\'eb\'ed. \'f0\'f3\'e1\'eb</w:t>
      </w:r>
      <w:r w:rsidRPr="005A1F79">
        <w:rPr>
          <w:rFonts w:ascii="Courier New" w:hAnsi="Courier New" w:cs="Courier New"/>
        </w:rPr>
        <w:t>\'e5\'e9 \'f1\'f0\'ee\'ea\'ee\'ec \'e4\'ee 1095 \'e4\'ed\'e5\'e9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s22\insrsid9463829     7. }{\rtlch\fcs1 \af0\afs22 \ltrch\fcs0 \fs22\insrsid9463829\charrsid15292449 \'ce\'e1 \'ee\'e4\'ee\'e1\'f0\'e5\'ed\'e8\'e</w:t>
      </w:r>
      <w:r w:rsidRPr="005A1F79">
        <w:rPr>
          <w:rFonts w:ascii="Courier New" w:hAnsi="Courier New" w:cs="Courier New"/>
        </w:rPr>
        <w:t>8 \'ea\'f0\'f3\'ef\'ed\'ee\'e9 \'f1\'e4\'e5\'eb\'ea\'e8 \'ec\'e5\'e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f3 \'c0\'ce \'ab\'d2\'e5\'f0\'ec\'e8\'ed\'e0\'eb \'c0\'f1\'f2\'e0\'f4\'fc\'e5\'e2\'e0\'bb (\'c8\'cd\'cd 2508001618) \'e8 \'c1\'e0\'ed\'ea\'ee\'ec \'c2\'d2\'c1 (\'ef\'f3\'e1\'eb\'e8</w:t>
      </w:r>
      <w:r w:rsidRPr="005A1F79">
        <w:rPr>
          <w:rFonts w:ascii="Courier New" w:hAnsi="Courier New" w:cs="Courier New"/>
        </w:rPr>
        <w:t>\'f7\'ed\'ee\'e5 \'e0\'ea\'f6\'e8\'ee\'ed\'e5\'f0\'ed\'ee\'e5 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1\'f9\'e5\'f1\'f2\'e2\'ee)\endash  \'ea\'f0\'e5\'e4\'e8\'f2\'ed\'ee\'e3\'ee \'f1\'ee\'e3\'eb\'e0\'f8\'e5\'ed\'e8\'ff \'b9 \'ca\'d1-\'d6\'d3-702750/2021/00038 \'ee\'f2 01.07.2021 \'e3., </w:t>
      </w:r>
      <w:r w:rsidRPr="005A1F79">
        <w:rPr>
          <w:rFonts w:ascii="Courier New" w:hAnsi="Courier New" w:cs="Courier New"/>
        </w:rPr>
        <w:t>\'e7\'e0\'ea\'eb\'fe\'f7\'e5\'ed\'ed\'ee\'e3\'ee \'ec\'e5\'e6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 \'c0\'ce \'ab\'d2\'e5\'f0\'ec\'e8\'ed\'e0\'eb \'c0\'f1\'f2\'e0\'f4\'fc\'e5\'e2\'e0\'bb (\'c8\'cd\'cd 2508001618) \'e8 \'c1\'e0\'ed\'ea\'ee\'ec \'c2\'d2\'c1 (\'cf\'c0\'ce), \'ee \'e2\'f</w:t>
      </w:r>
      <w:r w:rsidRPr="005A1F79">
        <w:rPr>
          <w:rFonts w:ascii="Courier New" w:hAnsi="Courier New" w:cs="Courier New"/>
        </w:rPr>
        <w:t>b\'e4\'e0\'f7\'e5 \'ea\'f0\'e5\'e4\'e8\'f2\'e0 \'e2 \'e2\'e8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a\'f0\'e5\'e4\'e8\'f2\'ed\'ee\'e9 \'eb\'e8\'ed\'e8\'e8 \'f1 \'eb\'e8\'ec\'e8\'f2\'ee\'ec \'e2\'fb\'e4\'e0\'f7\'e8 \'e2 \'f1\'f3\'ec\'ec\'e5 330 \'ec\'eb\'ed. \'f0\'f3\'e1\'eb\'e5\'e9</w:t>
      </w:r>
      <w:r w:rsidRPr="005A1F79">
        <w:rPr>
          <w:rFonts w:ascii="Courier New" w:hAnsi="Courier New" w:cs="Courier New"/>
        </w:rPr>
        <w:t xml:space="preserve"> \'f1\'f0\'ee\'ea\'ee\'ec \'e4\'ee 2555 \'e4\'ed\'e5\'e9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s22\insrsid9463829     8. }{\rtlch\fcs1 \af0\afs22 \ltrch\fcs0 \fs22\insrsid9463829\charrsid15292449 \'ce\'e1 \'ee\'e4\'ee\'e1\'f0\'e5\'ed\'e8\'e8 \'f1\'</w:t>
      </w:r>
      <w:r w:rsidRPr="005A1F79">
        <w:rPr>
          <w:rFonts w:ascii="Courier New" w:hAnsi="Courier New" w:cs="Courier New"/>
        </w:rPr>
        <w:t>e4\'e5\'eb\'ea\'e8, \'f1\'ee\'e2\'e5\'f0\'f8\'e0\'e5\'ec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9 \'f1 \'e7\'e0\'e8\'ed\'f2\'e5\'f0\'e5\'f1\'ee\'e2\'e0\'ed\'ed\'ee\'f1\'f2\'fc\'fe \endash  \'e4\'ee\'e3\'ee\'e2\'ee\'f0\'e0 \'e7\'e0\'eb\'ee\'e3\'e0 \'f1\'e0\'ec\'ee\'f5\'ee\'e4\'ed\'ee\'e9</w:t>
      </w:r>
      <w:r w:rsidRPr="005A1F79">
        <w:rPr>
          <w:rFonts w:ascii="Courier New" w:hAnsi="Courier New" w:cs="Courier New"/>
        </w:rPr>
        <w:t xml:space="preserve"> \'f2\'e5\'f5\'ed\'e8\'ea\'e8 \'b9\'c4\'ee\'c73-\'d6\'d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-702750/2021/00032 \'ee\'f2 06.08.2021 \'e3. \'ec\'e5\'e6\'e4\'f3 \'c0\'ce \'ab\'d2\'e5\'f0\'ec\'e8\'ed\'e0\'eb \'c0\'f1\'f2\'e0\'f4\'fc\'e5\'e2\'e0\'bb (\'c8\'cd\'cd 2508001618) \'e8 \'c1\'e0\'ed\'</w:t>
      </w:r>
      <w:r w:rsidRPr="005A1F79">
        <w:rPr>
          <w:rFonts w:ascii="Courier New" w:hAnsi="Courier New" w:cs="Courier New"/>
        </w:rPr>
        <w:t>ea\'ee\'ec \'c2\'d2\'c1 (\'ef\'f3\'e1\'eb\'e8\'f7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0\'ea\'f6\'e8\'ee\'ed\'e5\'f0\'ed\'ee\'e5 \'ee\'e1\'f9\'e5\'f1\'f2\'e2\'ee) \'ef\'ee \'ea\'f0\'e5\'e4\'e8\'f2\'ed\'fb\'ec \'ee\'e1\'ff\'e7\'e0\'f2\'e5\'eb\'fc\'f1\'f2\'e2\'e0\'ec \'ce\'ce\'</w:t>
      </w:r>
      <w:r w:rsidRPr="005A1F79">
        <w:rPr>
          <w:rFonts w:ascii="Courier New" w:hAnsi="Courier New" w:cs="Courier New"/>
        </w:rPr>
        <w:t>ce \'ab\'c4\'e0\'eb\'fc\'d0\'fb\'e1\'cf\'ee\'f0\'f2\'bb (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8\'cd\'cd 2537047582), \'e2\'ee\'e7\'ed\'e8\'ea\'e0\'fe\'f9\'e8\'ec \'e8\'e7 \'ea\'f0\'e5\'e4\'e8\'f2\'ed\'ee\'e3\'ee \'f1\'ee\'e3\'eb\'e0\'f8\'e5\'ed\'e8\'ff \'b9 \'ca\'d1-\'d6\'d3-702750/2021/</w:t>
      </w:r>
      <w:r w:rsidRPr="005A1F79">
        <w:rPr>
          <w:rFonts w:ascii="Courier New" w:hAnsi="Courier New" w:cs="Courier New"/>
        </w:rPr>
        <w:t>00032 \'ee\'f2 03.06.2021 \'e3. \'ec\'e5\'e6\'e4\'f3 \'c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ce \'ab\'c4\'e0\'eb\'fc\'d0\'fb\'e1\'cf\'ee\'f0\'f2\'bb (\'c8\'cd\'cd 2537047582) \'e8 \'c1\'e0\'ed\'ea\'ee\'ec \'c2\'d2\'c1 (\'cf\'c0\'ce) \endash  \'ea\'f0\'e5\'e4\'e8\'f2\'ed\'ee\'e9 \'eb\</w:t>
      </w:r>
      <w:r w:rsidRPr="005A1F79">
        <w:rPr>
          <w:rFonts w:ascii="Courier New" w:hAnsi="Courier New" w:cs="Courier New"/>
        </w:rPr>
        <w:t>'e8\'ed\'e8\'e8 \'f1 \'eb\'e8\'ec\'e8\'f2\'ee\'ec \'e2\'f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4\'e0\'f7\'e8 \'e2 \'f1\'f3\'ec\'ec\'e5 108 529 411.76 \'f0\'f3\'e1\'eb\'e5\'e9 \'f1\'f0\'ee\'ea\'ee\'ec \'e4\'ee 10.07.2023\'e3.}{\rtlch\fcs1 \af0\afs22 \ltrch\fcs0 \fs22\insrsid946382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</w:t>
      </w:r>
      <w:r w:rsidRPr="005A1F79">
        <w:rPr>
          <w:rFonts w:ascii="Courier New" w:hAnsi="Courier New" w:cs="Courier New"/>
        </w:rPr>
        <w:t xml:space="preserve"> }{\rtlch\fcs1 \af0\afs22 \ltrch\fcs0 \fs22\insrsid9463829\charrsid152924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aspalpha\aspnum\faauto\adjustright\rin0\lin0\itap0\pararsid6299030 \rtlch\fcs1 \af0\afs20\alang1025 \ltrch\fcs0 \fs20\</w:t>
      </w:r>
      <w:r w:rsidRPr="005A1F79">
        <w:rPr>
          <w:rFonts w:ascii="Courier New" w:hAnsi="Courier New" w:cs="Courier New"/>
        </w:rPr>
        <w:t xml:space="preserve">lang1049\langfe1049\cgrid\langnp1049\langfenp1049 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s22\insrsid12651015\charrsid538368 {\*\bkmkend _Hlk80352790}{\*\bkmkend _Hlk80352543}\'c2\'ee\'ef\'f0\'ee\'f1 \'b9}{\rtlch\fcs1 \ab\af0\afs22 \ltrch\fcs0 \b\fs22</w:t>
      </w:r>
      <w:r w:rsidRPr="005A1F79">
        <w:rPr>
          <w:rFonts w:ascii="Courier New" w:hAnsi="Courier New" w:cs="Courier New"/>
        </w:rPr>
        <w:t xml:space="preserve">\insrsid10694517\charrsid538368  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fs22\insrsid15488725\charrsid538368 1}{\rtlch\fcs1 \ab\af0\afs22 \ltrch\fcs0 \b\fs22\insrsid12651015\charrsid538368  \'ef\'ee\'e2\'e5\'f1\'f2\'ea\'e8 \'e4\'ed\'ff \'ee\'e1\'f9\'e</w:t>
      </w:r>
      <w:r w:rsidRPr="005A1F79">
        <w:rPr>
          <w:rFonts w:ascii="Courier New" w:hAnsi="Courier New" w:cs="Courier New"/>
        </w:rPr>
        <w:t xml:space="preserve">5\'e3\'ee \'f1\'ee\'e1\'f0\'e0\'ed\'e8\'ff: 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6299030\charrsid7568469 \'ce \'e4\'ee\'f1\'f0\'ee\'f7\'ed\'ee\'ec \'ef\'f0\'e5\'ea\'f0\'e0\'f9\'e5\'ed\'e8\'e8 \'ef\'ee\'eb\'ed\'ee\'ec\'ee\'f7\'e8\'e9 \'e5\'e4</w:t>
      </w:r>
      <w:r w:rsidRPr="005A1F79">
        <w:rPr>
          <w:rFonts w:ascii="Courier New" w:hAnsi="Courier New" w:cs="Courier New"/>
        </w:rPr>
        <w:t>\'e8\'ed\'ee\'eb\'e8\'f7\'ed\'ee\'e3\'ee \'e8\'f1\'ef\'ee\'eb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5\'eb\'fc\'ed\'ee\'e3\'ee \'ee\'f0\'e3\'e0\'ed\'e0 \endash  \'e3\'e5\'ed\'e5\'f0\'e0\'eb\'fc\'ed\'ee\'e3\'ee \'e4\'e8\'f0\'e5\'ea\'f2\'ee\'f0\'e0 \'c0\'ce \'ab\'d2\'e5\'f0\'ec\'e</w:t>
      </w:r>
      <w:r w:rsidRPr="005A1F79">
        <w:rPr>
          <w:rFonts w:ascii="Courier New" w:hAnsi="Courier New" w:cs="Courier New"/>
        </w:rPr>
        <w:t>8\'ed\'e0\'eb \'c0\'f1\'f2\'e0\'f4\'fc\'e5\'e2\'e0\'bb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{\rtlch\fcs1 \af0\afs22 \ltrch\fcs0 \fs22\insrsid6299030\charrsid245171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8\qj \li0\ri0\widctlpar\wrapdefault\aspalpha\aspnum\faauto\adjustright\rin0\lin0\itap0\par</w:t>
      </w:r>
      <w:r w:rsidRPr="005A1F79">
        <w:rPr>
          <w:rFonts w:ascii="Courier New" w:hAnsi="Courier New" w:cs="Courier New"/>
        </w:rPr>
        <w:t xml:space="preserve">arsid6299030 \rtlch\fcs1 \af0\afs20\alang1025 \ltrch\fcs0 \fs24\lang1049\langfe1049\cgrid\langnp1049\langfenp1049 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s22\insrsid6299030\charrsid538368 \'d0\'e5\'e7\'f3\'eb\'fc\'f2\'e0\'f2\'fb \'e3\'ee\'eb\'ee\'f1\'</w:t>
      </w:r>
      <w:r w:rsidRPr="005A1F79">
        <w:rPr>
          <w:rFonts w:ascii="Courier New" w:hAnsi="Courier New" w:cs="Courier New"/>
        </w:rPr>
        <w:t>ee\'e2\'e0\'ed\'e8\'ff \'ef\'ee  \'ef\'e5\'f0\'e2\'ee\'ec\'f3 \'e2\'ee\'ef\'f0\'ee\'f1\'f3 \'ef\'ee\'e2\'e5\'f1\'f2\'ea\'e8 \'e4\'ed\'ff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fs22\insrsid6299030\charrsid538368 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sb12</w:t>
      </w:r>
      <w:r w:rsidRPr="005A1F79">
        <w:rPr>
          <w:rFonts w:ascii="Courier New" w:hAnsi="Courier New" w:cs="Courier New"/>
        </w:rPr>
        <w:t xml:space="preserve">0\widctlpar\tx4536\wrapdefault\aspalpha\aspnum\faauto\adjustright\rin0\lin0\itap0\pararsid6299030 \rtlch\fcs1 \af0\afs20\alang1025 \ltrch\fcs0 \fs20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629903</w:t>
      </w:r>
      <w:r w:rsidRPr="005A1F79">
        <w:rPr>
          <w:rFonts w:ascii="Courier New" w:hAnsi="Courier New" w:cs="Courier New"/>
        </w:rPr>
        <w:t>0\charrsid2451716 \'d7\'e8\'f1\'eb\'ee \'e3\'ee\'eb\'ee\'f1\'ee\'e2, \'ea\'ee\'f2\'ee\'f0\'fb\'ec\'e8 \'ee\'e1\'eb\'e0\'e4\'e0\'eb\'e8 \'eb\'e8\'f6\'e0, \'e2\'ea\'eb\'fe\'f7\'e5\'ed\'ed\'fb\'e5 \'e2 \'f1\'ef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ee\'ea \'eb\'e8\'f6, \'e8\'ec\'e5\'e2</w:t>
      </w:r>
      <w:r w:rsidRPr="005A1F79">
        <w:rPr>
          <w:rFonts w:ascii="Courier New" w:hAnsi="Courier New" w:cs="Courier New"/>
        </w:rPr>
        <w:t xml:space="preserve">\'f8\'e8\'f5 \'ef\'f0\'e0\'e2\'ee \'ed\'e0 \'f3\'f7\'e0\'f1\'f2\'e8\'e5 \'e2  \'ee\'e1\'f9\'e5\'ec \'f1\'ee\'e1\'f0\'e0\'ed\'e8\'e8 \'e0\'ea\'f6\'e8\'ee\'ed\'e5\'f0\'ee\'e2, \'ef\'ee \'e4\'e0\'ed\'ed\'ee\'ec\'f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e\'ef\'f0\'ee\'f1\'f3 \'ef\'ee\'e2\</w:t>
      </w:r>
      <w:r w:rsidRPr="005A1F79">
        <w:rPr>
          <w:rFonts w:ascii="Courier New" w:hAnsi="Courier New" w:cs="Courier New"/>
        </w:rPr>
        <w:t xml:space="preserve">'e5\'f1\'f2\'ea\'e8 \'e4\'ed\'ff \'ee\'e1\'f9\'e5\'e3\'ee \'f1\'ee\'e1\'f0\'e0\'ed\'e8\'ff, -  830 380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f\'f0\'e8\'f5\'ee\'e4\'e8\'e2\'f8\'e8\'f5\'f1\'ff \'ed\'e0 \'e3\'ee\'eb\'ee\'f1\'f3\'fe\'f9</w:t>
      </w:r>
      <w:r w:rsidRPr="005A1F79">
        <w:rPr>
          <w:rFonts w:ascii="Courier New" w:hAnsi="Courier New" w:cs="Courier New"/>
        </w:rPr>
        <w:t>\'e8\'e5 \'e0\'ea\'f6\'e8\'e8 \'ee\'e1\'f9\'e5\'f1\'f2\'e2\'e0, \'ef\'ee \'e4\'e0\'ed\'ed\'ee\'ec\'f3 \'e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e\'f1\'f3 \'ef\'ee\'e2\'e5\'f1\'f2\'ea\'e8 \'e4\'ed\'ff \'ee\'e1\'f9\'e5\'e3\'ee \'f1\'ee\'e1\'f0\'e0\'ed\'e8\'ff, \'ee\'ef\'f0\'e5\'</w:t>
      </w:r>
      <w:r w:rsidRPr="005A1F79">
        <w:rPr>
          <w:rFonts w:ascii="Courier New" w:hAnsi="Courier New" w:cs="Courier New"/>
        </w:rPr>
        <w:t>e4\'e5\'eb\'e5\'ed\'ed\'ee\'e5 \'f1 \'f3\'f7\'e5\'f2\'ee\'ec \'f2\'f0\'e5\'e1\'ee\'e2\'e0\'ed\'e8\'e9 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. 4.24. \'cf\'ee\'eb\'ee\'e6\'e5\'ed\'e8\'e5 \'c1\'e0\'ed\'ea\'e0 \'d0\'ee\'f1\'f1\'e8\'e8 \'b9 660-\'cf \'ee\'f2 16.11.2018\'e3. \'ab\'ce\'e1 \'ee\</w:t>
      </w:r>
      <w:r w:rsidRPr="005A1F79">
        <w:rPr>
          <w:rFonts w:ascii="Courier New" w:hAnsi="Courier New" w:cs="Courier New"/>
        </w:rPr>
        <w:t xml:space="preserve">'e1\'f9\'e8\'f5 \'f1\'ee\'e1\'f0\'e0\'ed\'e8\'ff\'f5 \'e0\'ea\'f6\'e8\'ee\'ed\'e5\'f0\'ee\'e2\'bb, \endash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472 104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a\'ee\'f2\'ee\'f0\'fb\'ec\'e8 \'ee\'e1\'eb\'e0\'e4\'e0\'eb\'e8 \'eb\'e8\'f6\'</w:t>
      </w:r>
      <w:r w:rsidRPr="005A1F79">
        <w:rPr>
          <w:rFonts w:ascii="Courier New" w:hAnsi="Courier New" w:cs="Courier New"/>
        </w:rPr>
        <w:t>e0, \'ef\'f0\'e8\'ed\'ff\'e2\'f8\'e8\'e5 \'f3\'f7\'e0\'f1\'f2\'e8\'e5  \'e2 \'ee\'e1\'f9\'e5\'ec  \'f1\'ee\'e1\'f0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8, \'ef\'ee \'e4\'e0\'ed\'ed\'ee\'ec\'f3 \'e2\'ee\'ef\'f0\'ee\'f1\'f3 \'ef\'ee\'e2\'e5\'f1\'f2\'ea\'e8 \'e4\'ed\'ff \'f1\'ee\</w:t>
      </w:r>
      <w:r w:rsidRPr="005A1F79">
        <w:rPr>
          <w:rFonts w:ascii="Courier New" w:hAnsi="Courier New" w:cs="Courier New"/>
        </w:rPr>
        <w:t xml:space="preserve">'e1\'f0\'e0\'ed\'e8\'ff,  - }{\rtlch\fcs1 \af0\afs22 \ltrch\fcs0 \fs22\insrsid6299030 383 648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6299030\charrsid2451716 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x4536\wrapdefault\aspalpha\aspnum\faauto\</w:t>
      </w:r>
      <w:r w:rsidRPr="005A1F79">
        <w:rPr>
          <w:rFonts w:ascii="Courier New" w:hAnsi="Courier New" w:cs="Courier New"/>
        </w:rPr>
        <w:t>adjustright\rin0\lin0\itap0\pararsid6299030 {\rtlch\fcs1 \af0\afs22 \ltrch\fcs0 \fs22\insrsid6299030\charrsid2451716 \'ca\'e2\'ee\'f0\'f3\'ec \'ef\'ee \'e4\'e0\'ed\'ed\'ee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 \'e2\'ee\'ef\'f0\'ee\'f1\'f3 \'ef\'ee\'e2\'e5\'f1\'f2\'ea\'e8 \'e4\'ed\'ff</w:t>
      </w:r>
      <w:r w:rsidRPr="005A1F79">
        <w:rPr>
          <w:rFonts w:ascii="Courier New" w:hAnsi="Courier New" w:cs="Courier New"/>
        </w:rPr>
        <w:t xml:space="preserve"> \'e8\'ec\'e5}{\rtlch\fcs1 \af0\afs22 \ltrch\fcs0 \fs22\insrsid6299030 \'eb\'f1\'ff}{\rtlch\fcs1 \af0\afs22 \ltrch\fcs0 \fs22\insrsid6299030\charrsid2451716 .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f0\afs22 \ltrch\fcs0 \fs22\insrsid6299030\charrsid1287735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</w:t>
      </w:r>
      <w:r w:rsidRPr="005A1F79">
        <w:rPr>
          <w:rFonts w:ascii="Courier New" w:hAnsi="Courier New" w:cs="Courier New"/>
        </w:rPr>
        <w:t xml:space="preserve">ltrpar\s24\qj \li0\ri0\widctlpar\tx4536\wrapdefault\aspalpha\aspnum\faauto\adjustright\rin0\lin0\itap0\pararsid6299030 \rtlch\fcs1 \af0\afs20\alang1025 \ltrch\fcs0 \fs24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</w:t>
      </w:r>
      <w:r w:rsidRPr="005A1F79">
        <w:rPr>
          <w:rFonts w:ascii="Courier New" w:hAnsi="Courier New" w:cs="Courier New"/>
        </w:rPr>
        <w:t>0 \fs22\insrsid6299030\charrsid2451716 \'d7\'e8\'f1\'eb\'ee \'e3\'ee\'eb\'ee\'f1\'ee\'e2, \'ee\'f2\'e4\'e0\'ed\'ed\'fb\'f5 \'e7\'e0 \'ea\'e0\'e6\'e4\'fb\'e9 \'e8\'e7 \'e2\'e0\'f0\'e8\'e0\'ed\'f2\'ee\'e2 \'e3\'ee\'eb\'ee\'f1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d\'e8\'ff \'ef\'</w:t>
      </w:r>
      <w:r w:rsidRPr="005A1F79">
        <w:rPr>
          <w:rFonts w:ascii="Courier New" w:hAnsi="Courier New" w:cs="Courier New"/>
        </w:rPr>
        <w:t>ee \'e4\'e0\'ed\'ed\'ee\'ec\'f3 \'e2\'ee\'ef\'f0\'ee\'f1\'f3 \'ef\'ee\'e2\'e5\'f1\'f2\'ea\'e8 \'e4\'ed\'ff \'f1\'ee\'e1\'f0\'e0\'ed\'e8\'ff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fi709\li0\ri0\widctlpar\wrapdefault\aspalpha\aspnum\faauto\adjustright\rin0\lin0\ita</w:t>
      </w:r>
      <w:r w:rsidRPr="005A1F79">
        <w:rPr>
          <w:rFonts w:ascii="Courier New" w:hAnsi="Courier New" w:cs="Courier New"/>
        </w:rPr>
        <w:t xml:space="preserve">p0\pararsid6299030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6299030\charrsid6299030 \'ab\'e7\'e0\'bb -  383 621;     \'ab\'ef\'f0\'ee\'f2\'e8\'e2</w:t>
      </w:r>
      <w:r w:rsidRPr="005A1F79">
        <w:rPr>
          <w:rFonts w:ascii="Courier New" w:hAnsi="Courier New" w:cs="Courier New"/>
        </w:rPr>
        <w:t>\'bb -  0;     \'ab\'e2\'ee\'e7\'e4\'e5\'f0\'e6\'e0\'eb\'f1\'ff\'bb - 0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991179 {\rtlch\fcs1 \af0\afs22 \ltrch\fcs0 \fs22\insrsid6908863\char</w:t>
      </w:r>
      <w:r w:rsidRPr="005A1F79">
        <w:rPr>
          <w:rFonts w:ascii="Courier New" w:hAnsi="Courier New" w:cs="Courier New"/>
        </w:rPr>
        <w:t xml:space="preserve">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6299030 {\rtlch\fcs1 \af0\afs22 \ltrch\fcs0 \b\fs22\insrsid1991179\charrsid538368 \'d0\'e5\'f8\'e5\'ed\'e8\'e5 \'f1\'ee\'e1\'f0\'e</w:t>
      </w:r>
      <w:r w:rsidRPr="005A1F79">
        <w:rPr>
          <w:rFonts w:ascii="Courier New" w:hAnsi="Courier New" w:cs="Courier New"/>
        </w:rPr>
        <w:t xml:space="preserve">0\'ed\'e8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f\'ee \'ef\'e5\'f0\'e2\'ee\'ec\'f3 \'e2\'ee\'ef\'f0\'ee\'f1\'f3 \'ef\'ee\'e2\'e5\'f1\'f2\'ea\'e8 \'e4\'ed\'ff:}{\rtlch\fcs1 \af0\afs22 \ltrch\fcs0 \b\fs22\cf6\insrsid1991179\charrsid538368 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</w:t>
      </w:r>
      <w:r w:rsidRPr="005A1F79">
        <w:rPr>
          <w:rFonts w:ascii="Courier New" w:hAnsi="Courier New" w:cs="Courier New"/>
        </w:rPr>
        <w:t>srsid6299030\charrsid7568469 \'c4\'ee\'f1\'f0\'ee\'f7\'ed\'ee \'ef\'f0\'e5\'ea\'f0\'e0\'f2\'e8\'f2\'fc \'ef\'ee\'eb\'ed\'ee\'ec\'ee\'f7\'e8\'ff \'e5\'e4\'e8\'ed\'ee\'eb\'e8\'f7\'ed\'ee\'e3\'ee \'e8\'f1\'ef\'ee\'eb\'ed\'e8\'f2\'e5\'eb\'fc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3\'ee </w:t>
      </w:r>
      <w:r w:rsidRPr="005A1F79">
        <w:rPr>
          <w:rFonts w:ascii="Courier New" w:hAnsi="Courier New" w:cs="Courier New"/>
        </w:rPr>
        <w:t xml:space="preserve">\'ee\'f0\'e3\'e0\'ed\'e0 - \'e3\'e5\'ed\'e5\'f0\'e0\'eb\'fc\'ed\'ee\'e3\'ee \'e4\'e8\'f0\'e5\'ea\'f2\'ee\'f0\'e0 \'c0\'ce \'ab\'d2\'e5\'f0\'ec\'e8\'ed\'e0\'eb \'c0\'f1\'f2\'e0\'f4\'fc\'e5\'e2\'e0\'bb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21801</w:t>
      </w:r>
      <w:r w:rsidRPr="005A1F79">
        <w:rPr>
          <w:rFonts w:ascii="Courier New" w:hAnsi="Courier New" w:cs="Courier New"/>
        </w:rPr>
        <w:t xml:space="preserve">8  }{\rtlch\fcs1 \af0\afs22 \ltrch\fcs0 \fs22\insrsid6299030\charrsid7568469 \'ca\'ee\'ed\'e4\'f0\'e0\'f2\'ee\'e2\'e0 \'d0\'f3\'f1\'eb\'e0\'ed\'e0 \'c2\'e8\'ea\'f2\'ee\'f0\'ee\'e2\'e8\'f7\'e0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6299030 .}{\r</w:t>
      </w:r>
      <w:r w:rsidRPr="005A1F79">
        <w:rPr>
          <w:rFonts w:ascii="Courier New" w:hAnsi="Courier New" w:cs="Courier New"/>
        </w:rPr>
        <w:t xml:space="preserve">tlch\fcs1 \af0\afs22 \ltrch\fcs0 \b\fs22\insrsid629903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\ltrpar\qj \li0\ri0\widctlpar\wrapdefault\aspalpha\aspnum\faauto\adjustright\rin0\lin0\itap0\pararsid9463829 {\rtlch\fcs1 \af0\afs22 \ltrch\fcs0 \b\fs22\cf6\insrsid199117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</w:t>
      </w:r>
      <w:r w:rsidRPr="005A1F79">
        <w:rPr>
          <w:rFonts w:ascii="Courier New" w:hAnsi="Courier New" w:cs="Courier New"/>
        </w:rPr>
        <w:t xml:space="preserve">\ltrpar\qj \li0\ri0\widctlpar\wrapdefault\aspalpha\aspnum\faauto\adjustright\rin0\lin0\itap0\pararsid15353566 {\rtlch\fcs1 \ab\af0\afs22 \ltrch\fcs0 \b\fs22\insrsid1991179\charrsid538368 \'c2\'ee\'ef\'f0\'ee\'f1 \'b9 }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</w:t>
      </w:r>
      <w:r w:rsidRPr="005A1F79">
        <w:rPr>
          <w:rFonts w:ascii="Courier New" w:hAnsi="Courier New" w:cs="Courier New"/>
        </w:rPr>
        <w:t xml:space="preserve">s0 \b\fs22\insrsid1991179 2}{\rtlch\fcs1 \ab\af0\afs22 \ltrch\fcs0 \b\fs22\insrsid1991179\charrsid538368  \'ef\'ee\'e2\'e5\'f1\'f2\'ea\'e8 \'e4\'ed\'ff \'ee\'e1\'f9\'e5\'e3\'ee \'f1\'ee\'e1\'f0\'e0\'ed\'e8\'ff: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</w:t>
      </w:r>
      <w:r w:rsidRPr="005A1F79">
        <w:rPr>
          <w:rFonts w:ascii="Courier New" w:hAnsi="Courier New" w:cs="Courier New"/>
        </w:rPr>
        <w:t>nsrsid1991179\charrsid1991179  }{\rtlch\fcs1 \af0\afs22 \ltrch\fcs0 \fs22\insrsid15353566\charrsid7568469 \'ce\'e1 \'e8\'e7\'e1\'f0\'e0\'ed\'e8\'e8 \'e5\'e4\'e8\'ed\'ee\'eb\'e8\'f7\'ed\'ee\'e3\'ee \'e8\'f1\'ef\'ee\'eb\'ed\'e8\'f2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fc\'ed\'ee\'e3\</w:t>
      </w:r>
      <w:r w:rsidRPr="005A1F79">
        <w:rPr>
          <w:rFonts w:ascii="Courier New" w:hAnsi="Courier New" w:cs="Courier New"/>
        </w:rPr>
        <w:t>'ee \'ee\'f0\'e3\'e0\'ed\'e0 \endash  \'e3\'e5\'ed\'e5\'f0\'e0\'eb\'fc\'ed\'ee\'e3\'ee \'e4\'e8\'f0\'e5\'ea\'f2\'ee\'f0\'e0 \'c0\'ce \'ab\'d2\'e5\'f0\'ec\'e8\'ed\'e0\'eb \'c0\'f1\'f2\'e0\'f4\'fc\'e5\'e2\'e0\'bb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</w:t>
      </w:r>
      <w:r w:rsidRPr="005A1F79">
        <w:rPr>
          <w:rFonts w:ascii="Courier New" w:hAnsi="Courier New" w:cs="Courier New"/>
        </w:rPr>
        <w:t xml:space="preserve">rapdefault\aspalpha\aspnum\faauto\adjustright\rin0\lin0\itap0\pararsid1991179 {\rtlch\fcs1 \af0\afs22 \ltrch\fcs0 \fs22\insrsid832367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8\qj \li0\ri0\widctlpar\wrapdefault\aspalpha\aspnum\faauto\adjustright\rin0\lin0\itap0\para</w:t>
      </w:r>
      <w:r w:rsidRPr="005A1F79">
        <w:rPr>
          <w:rFonts w:ascii="Courier New" w:hAnsi="Courier New" w:cs="Courier New"/>
        </w:rPr>
        <w:t xml:space="preserve">rsid1991179 \rtlch\fcs1 \af0\afs20\alang1025 \ltrch\fcs0 \fs24\lang1049\langfe1049\cgrid\langnp1049\langfenp1049 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s22\insrsid1991179\charrsid538368 \'d0\'e5\'e7\'f3\'eb\'fc\'f2\'e0\'f2\'fb \'e3\'ee\'eb\'ee\'f1\'e</w:t>
      </w:r>
      <w:r w:rsidRPr="005A1F79">
        <w:rPr>
          <w:rFonts w:ascii="Courier New" w:hAnsi="Courier New" w:cs="Courier New"/>
        </w:rPr>
        <w:t xml:space="preserve">e\'e2\'e0\'ed\'e8\'ff \'ef\'ee  }{\rtlch\fcs1 \ab\af0\afs22 \ltrch\fcs0 \b\fs22\insrsid8323676 \'e2\'f2\'ee\'f0\'ee\'ec\'f3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b\af0\afs22 \ltrch\fcs0 \b\fs22\insrsid1991179\charrsid538368  }{\rtlch\fcs1 \ab\af0\afs22 \ltrch\fcs0 \b\fs22\insr</w:t>
      </w:r>
      <w:r w:rsidRPr="005A1F79">
        <w:rPr>
          <w:rFonts w:ascii="Courier New" w:hAnsi="Courier New" w:cs="Courier New"/>
        </w:rPr>
        <w:t>sid8323676  }{\rtlch\fcs1 \ab\af0\afs22 \ltrch\fcs0 \b\fs22\insrsid1991179\charrsid538368 \'e2\'ee\'ef\'f0\'ee\'f1\'f3 \'ef\'ee\'e2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2\'ea\'e8 \'e4\'ed\'ff}{\rtlch\fcs1 \af0\afs22 \ltrch\fcs0 \fs22\insrsid1991179\charrsid538368 :}{\rtlch\fcs1 \a</w:t>
      </w:r>
      <w:r w:rsidRPr="005A1F79">
        <w:rPr>
          <w:rFonts w:ascii="Courier New" w:hAnsi="Courier New" w:cs="Courier New"/>
        </w:rPr>
        <w:t xml:space="preserve">f0\afs22 \ltrch\fcs0 \fs22\insrsid199117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sb120\widctlpar\tx4536\wrapdefault\aspalpha\aspnum\faauto\adjustright\rin0\lin0\itap0\pararsid15353566 \rtlch\fcs1 \af0\afs20\alang1025 \ltrch\fcs0 \fs20\lang1049\langfe1049\</w:t>
      </w:r>
      <w:r w:rsidRPr="005A1F79">
        <w:rPr>
          <w:rFonts w:ascii="Courier New" w:hAnsi="Courier New" w:cs="Courier New"/>
        </w:rPr>
        <w:t xml:space="preserve">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15353566\charrsid2451716 \'d7\'e8\'f1\'eb\'ee \'e3\'ee\'eb\'ee\'f1\'ee\'e2, \'ea\'ee\'f2\'ee\'f0\'fb\'ec\'e8 \'ee\'e1\'eb\'e0\'e4\'e0\'eb\'e8 \'eb\'e8\'f6\'e0, \'e2\'ea\'eb\'f</w:t>
      </w:r>
      <w:r w:rsidRPr="005A1F79">
        <w:rPr>
          <w:rFonts w:ascii="Courier New" w:hAnsi="Courier New" w:cs="Courier New"/>
        </w:rPr>
        <w:t>e\'f7\'e5\'ed\'ed\'fb\'e5 \'e2 \'f1\'ef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ee\'ea \'eb\'e8\'f6, \'e8\'ec\'e5\'e2\'f8\'e8\'f5 \'ef\'f0\'e0\'e2\'ee \'ed\'e0 \'f3\'f7\'e0\'f1\'f2\'e8\'e5 \'e2  \'ee\'e1\'f9\'e5\'ec \'f1\'ee\'e1\'f0\'e0\'ed\'e8\'e8 \'e0\'ea\'f6\'e8\'ee\'ed\'e5\'f0\'ee</w:t>
      </w:r>
      <w:r w:rsidRPr="005A1F79">
        <w:rPr>
          <w:rFonts w:ascii="Courier New" w:hAnsi="Courier New" w:cs="Courier New"/>
        </w:rPr>
        <w:t xml:space="preserve">\'e2, \'ef\'ee \'e4\'e0\'ed\'ed\'ee\'ec\'f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2\'ee\'ef\'f0\'ee\'f1\'f3 \'ef\'ee\'e2\'e5\'f1\'f2\'ea\'e8 \'e4\'ed\'ff \'ee\'e1\'f9\'e5\'e3\'ee \'f1\'ee\'e1\'f0\'e0\'ed\'e8\'ff, -  830 380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f\'</w:t>
      </w:r>
      <w:r w:rsidRPr="005A1F79">
        <w:rPr>
          <w:rFonts w:ascii="Courier New" w:hAnsi="Courier New" w:cs="Courier New"/>
        </w:rPr>
        <w:t>f0\'e8\'f5\'ee\'e4\'e8\'e2\'f8\'e8\'f5\'f1\'ff \'ed\'e0 \'e3\'ee\'eb\'ee\'f1\'f3\'fe\'f9\'e8\'e5 \'e0\'ea\'f6\'e8\'e8 \'ee\'e1\'f9\'e5\'f1\'f2\'e2\'e0, \'ef\'ee \'e4\'e0\'ed\'ed\'ee\'ec\'f3 \'e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e\'f1\'f3 \'ef\'ee\'e2\'e5\'f1\'f2\'ea\'e8 \'</w:t>
      </w:r>
      <w:r w:rsidRPr="005A1F79">
        <w:rPr>
          <w:rFonts w:ascii="Courier New" w:hAnsi="Courier New" w:cs="Courier New"/>
        </w:rPr>
        <w:t>e4\'ed\'ff \'ee\'e1\'f9\'e5\'e3\'ee \'f1\'ee\'e1\'f0\'e0\'ed\'e8\'ff, \'ee\'ef\'f0\'e5\'e4\'e5\'eb\'e5\'ed\'ed\'ee\'e5 \'f1 \'f3\'f7\'e5\'f2\'ee\'ec \'f2\'f0\'e5\'e1\'ee\'e2\'e0\'ed\'e8\'e9 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. 4.24. \'cf\'ee\'eb\'ee\'e6\'e5\'ed\'e8\'e5 \'c1\'e0\'ed\'e</w:t>
      </w:r>
      <w:r w:rsidRPr="005A1F79">
        <w:rPr>
          <w:rFonts w:ascii="Courier New" w:hAnsi="Courier New" w:cs="Courier New"/>
        </w:rPr>
        <w:t xml:space="preserve">a\'e0 \'d0\'ee\'f1\'f1\'e8\'e8 \'b9 660-\'cf \'ee\'f2 16.11.2018\'e3. \'ab\'ce\'e1 \'ee\'e1\'f9\'e8\'f5 \'f1\'ee\'e1\'f0\'e0\'ed\'e8\'ff\'f5 \'e0\'ea\'f6\'e8\'ee\'ed\'e5\'f0\'ee\'e2\'bb, \endash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472 104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</w:t>
      </w:r>
      <w:r w:rsidRPr="005A1F79">
        <w:rPr>
          <w:rFonts w:ascii="Courier New" w:hAnsi="Courier New" w:cs="Courier New"/>
        </w:rPr>
        <w:t>ee\'e2, \'ea\'ee\'f2\'ee\'f0\'fb\'ec\'e8 \'ee\'e1\'eb\'e0\'e4\'e0\'eb\'e8 \'eb\'e8\'f6\'e0, \'ef\'f0\'e8\'ed\'ff\'e2\'f8\'e8\'e5 \'f3\'f7\'e0\'f1\'f2\'e8\'e5  \'e2 \'ee\'e1\'f9\'e5\'ec  \'f1\'ee\'e1\'f0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8, \'ef\'ee \'e4\'e0\'ed\'ed\'ee\'ec\</w:t>
      </w:r>
      <w:r w:rsidRPr="005A1F79">
        <w:rPr>
          <w:rFonts w:ascii="Courier New" w:hAnsi="Courier New" w:cs="Courier New"/>
        </w:rPr>
        <w:t xml:space="preserve">'f3 \'e2\'ee\'ef\'f0\'ee\'f1\'f3 \'ef\'ee\'e2\'e5\'f1\'f2\'ea\'e8 \'e4\'ed\'ff \'f1\'ee\'e1\'f0\'e0\'ed\'e8\'ff,  - }{\rtlch\fcs1 \af0\afs22 \ltrch\fcs0 \fs22\insrsid15353566 383 648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5353566\charrsid24517</w:t>
      </w:r>
      <w:r w:rsidRPr="005A1F79">
        <w:rPr>
          <w:rFonts w:ascii="Courier New" w:hAnsi="Courier New" w:cs="Courier New"/>
        </w:rPr>
        <w:t>16 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x4536\wrapdefault\aspalpha\aspnum\faauto\adjustright\rin0\lin0\itap0\pararsid15353566 {\rtlch\fcs1 \af0\afs22 \ltrch\fcs0 \fs22\insrsid15353566\charrsid2451716 \'ca\'e2\'ee\'f0\'f3\'ec \'ef\'ee \'e4\'e0\'ed\</w:t>
      </w:r>
      <w:r w:rsidRPr="005A1F79">
        <w:rPr>
          <w:rFonts w:ascii="Courier New" w:hAnsi="Courier New" w:cs="Courier New"/>
        </w:rPr>
        <w:t>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f3 \'e2\'ee\'ef\'f0\'ee\'f1\'f3 \'ef\'ee\'e2\'e5\'f1\'f2\'ea\'e8 \'e4\'ed\'ff \'e8\'ec\'e5}{\rtlch\fcs1 \af0\afs22 \ltrch\fcs0 \fs22\insrsid15353566 \'eb\'f1\'ff}{\rtlch\fcs1 \af0\afs22 \ltrch\fcs0 \fs22\insrsid15353566\charrsid2451716 .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f0\afs22 \ltrch\fcs0 \fs22\insrsid15353566\charrsid1287735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4\qj \li0\ri0\widctlpar\tx4536\wrapdefault\aspalpha\aspnum\faauto\adjustright\rin0\lin0\itap0\pararsid15353566 \rtlch\fcs1 \af0\afs20\alang1025 \ltrch\f</w:t>
      </w:r>
      <w:r w:rsidRPr="005A1F79">
        <w:rPr>
          <w:rFonts w:ascii="Courier New" w:hAnsi="Courier New" w:cs="Courier New"/>
        </w:rPr>
        <w:t xml:space="preserve">cs0 \fs24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15353566\charrsid2451716 \'d7\'e8\'f1\'eb\'ee \'e3\'ee\'eb\'ee\'f1\'ee\'e2, \'ee\'f2\'e4\'e0\'ed\'ed\'fb\'f5 \'e7\'e0 \'ea\'e0\'e6\'e4\'fb\'e9 \'</w:t>
      </w:r>
      <w:r w:rsidRPr="005A1F79">
        <w:rPr>
          <w:rFonts w:ascii="Courier New" w:hAnsi="Courier New" w:cs="Courier New"/>
        </w:rPr>
        <w:t>e8\'e7 \'e2\'e0\'f0\'e8\'e0\'ed\'f2\'ee\'e2 \'e3\'ee\'eb\'ee\'f1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d\'e8\'ff \'ef\'ee \'e4\'e0\'ed\'ed\'ee\'ec\'f3 \'e2\'ee\'ef\'f0\'ee\'f1\'f3 \'ef\'ee\'e2\'e5\'f1\'f2\'ea\'e8 \'e4\'ed\'ff \'f1\'ee\'e1\'f0\'e0\'ed\'e8\'ff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</w:t>
      </w:r>
      <w:r w:rsidRPr="005A1F79">
        <w:rPr>
          <w:rFonts w:ascii="Courier New" w:hAnsi="Courier New" w:cs="Courier New"/>
        </w:rPr>
        <w:t xml:space="preserve"> \ltrpar\qj \fi709\li0\ri0\widctlpar\wrapdefault\aspalpha\aspnum\faauto\adjustright\rin0\lin0\itap0\pararsid15353566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</w:t>
      </w:r>
      <w:r w:rsidRPr="005A1F79">
        <w:rPr>
          <w:rFonts w:ascii="Courier New" w:hAnsi="Courier New" w:cs="Courier New"/>
        </w:rPr>
        <w:t>\fs22\insrsid15353566\charrsid15353566 \'ab\'e7\'e0\'bb -  383 621;     }{\rtlch\fcs1 \af0\afs22 \ltrch\fcs0 \fs22\insrsid15353566  }{\rtlch\fcs1 \af0\afs22 \ltrch\fcs0 \fs22\insrsid15353566\charrsid15353566 \'ab\'ef\'f0\'ee\'f2\'e8\'e2\'b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- 0;    }{\rt</w:t>
      </w:r>
      <w:r w:rsidRPr="005A1F79">
        <w:rPr>
          <w:rFonts w:ascii="Courier New" w:hAnsi="Courier New" w:cs="Courier New"/>
        </w:rPr>
        <w:t>lch\fcs1 \af0\afs22 \ltrch\fcs0 \fs22\insrsid15353566  }{\rtlch\fcs1 \af0\afs22 \ltrch\fcs0 \fs22\insrsid15353566\charrsid15353566  \'ab\'e2\'ee\'e7\'e4\'e5\'f0\'e6\'e0\'eb\'f1\'ff\'bb - 0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8\qj \li0\ri0\widctlpar\wrapdefault\a</w:t>
      </w:r>
      <w:r w:rsidRPr="005A1F79">
        <w:rPr>
          <w:rFonts w:ascii="Courier New" w:hAnsi="Courier New" w:cs="Courier New"/>
        </w:rPr>
        <w:t xml:space="preserve">spalpha\aspnum\faauto\adjustright\rin0\lin0\itap0\pararsid1991179 \rtlch\fcs1 \af0\afs20\alang1025 \ltrch\fcs0 \fs24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\fs22\insrsid472349\char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</w:t>
      </w:r>
      <w:r w:rsidRPr="005A1F79">
        <w:rPr>
          <w:rFonts w:ascii="Courier New" w:hAnsi="Courier New" w:cs="Courier New"/>
        </w:rPr>
        <w:t xml:space="preserve">ain \ltrpar\qj \li0\ri0\widctlpar\wrapdefault\aspalpha\aspnum\faauto\adjustright\rin0\lin0\itap0\pararsid15353566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</w:t>
      </w:r>
      <w:r w:rsidRPr="005A1F79">
        <w:rPr>
          <w:rFonts w:ascii="Courier New" w:hAnsi="Courier New" w:cs="Courier New"/>
        </w:rPr>
        <w:t xml:space="preserve">fs22\insrsid8323676\charrsid538368 \'d0\'e5\'f8\'e5\'ed\'e8\'e5 \'f1\'ee\'e1\'f0\'e0\'ed\'e8\'ff \'ef\'ee }{\rtlch\fcs1 \af0\afs22 \ltrch\fcs0 \b\fs22\insrsid8323676 \'e2\'f2\'ee\'f0\'ee\'ec\'f3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fs22\insrsid8323676\</w:t>
      </w:r>
      <w:r w:rsidRPr="005A1F79">
        <w:rPr>
          <w:rFonts w:ascii="Courier New" w:hAnsi="Courier New" w:cs="Courier New"/>
        </w:rPr>
        <w:t xml:space="preserve">charrsid538368  \'e2\'ee\'ef\'f0\'ee\'f1\'f3 \'ef\'ee\'e2\'e5\'f1\'f2\'ea\'e8 \'e4\'ed\'ff:}{\rtlch\fcs1 \af0\afs22 \ltrch\fcs0 \b\fs22\cf6\insrsid8323676\charrsid538368 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15353566\charrsid7568469 \'c8\'e7</w:t>
      </w:r>
      <w:r w:rsidRPr="005A1F79">
        <w:rPr>
          <w:rFonts w:ascii="Courier New" w:hAnsi="Courier New" w:cs="Courier New"/>
        </w:rPr>
        <w:t>\'e1\'f0\'e0\'f2\'fc \'e5\'e4\'e8\'ed\'ee\'eb\'e8\'f7\'ed\'fb\'ec \'e8\'f1\'ef\'ee\'eb\'ed\'e8\'f2\'e5\'eb\'fc\'ed\'fb\'ec \'ee\'f0\'e3\'e0\'ed\'ee\'ec - \'e3\'e5\'ed\'e5\'f0\'e0\'eb\'fc\'ed\'fb\'ec \'e4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5\'ea\'f2\'ee\'f0\'ee\'ec \'c0\'ce \'ab\</w:t>
      </w:r>
      <w:r w:rsidRPr="005A1F79">
        <w:rPr>
          <w:rFonts w:ascii="Courier New" w:hAnsi="Courier New" w:cs="Courier New"/>
        </w:rPr>
        <w:t xml:space="preserve">'d2\'e5\'f0\'ec\'e8\'ed\'e0\'eb \'c0\'f1\'f2\'e0\'f4\'fc\'e5\'e2\'e0\'bb \'c2\'eb\'e0\'e4\'e8\'ec\'e8\'f0\'ee\'e2\'e0 \'c0\'eb\'e5\'ea\'f1\'e5\'ff \'de\'f0\'fc\'e5\'e2\'e8\'f7\'e0 \'f1\'f0\'ee\'ea\'ee\'ec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0 5 \'eb\'e5\'f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\ltrpar\qj </w:t>
      </w:r>
      <w:r w:rsidRPr="005A1F79">
        <w:rPr>
          <w:rFonts w:ascii="Courier New" w:hAnsi="Courier New" w:cs="Courier New"/>
        </w:rPr>
        <w:t xml:space="preserve">\li0\ri0\widctlpar\wrapdefault\aspalpha\aspnum\faauto\adjustright\rin0\lin0\itap0\pararsid1991179 {\rtlch\fcs1 \ab\af0\afs22 \ltrch\fcs0 \b\fs22\insrsid199117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</w:t>
      </w:r>
      <w:r w:rsidRPr="005A1F79">
        <w:rPr>
          <w:rFonts w:ascii="Courier New" w:hAnsi="Courier New" w:cs="Courier New"/>
        </w:rPr>
        <w:t xml:space="preserve">lin0\itap0\pararsid11011380 {\rtlch\fcs1 \ab\af0\afs22 \ltrch\fcs0 \b\fs22\insrsid1991179\charrsid538368 \'c2\'ee\'ef\'f0\'ee\'f1 \'b9 }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s22\insrsid1991179 3}{\rtlch\fcs1 \ab\af0\afs22 \ltrch\fcs0 \b\fs22\insrsid</w:t>
      </w:r>
      <w:r w:rsidRPr="005A1F79">
        <w:rPr>
          <w:rFonts w:ascii="Courier New" w:hAnsi="Courier New" w:cs="Courier New"/>
        </w:rPr>
        <w:t xml:space="preserve">1991179\charrsid538368  \'ef\'ee\'e2\'e5\'f1\'f2\'ea\'e8 \'e4\'ed\'ff \'ee\'e1\'f9\'e5\'e3\'ee \'f1\'ee\'e1\'f0\'e0\'ed\'e8\'ff: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991179\charrsid1991179  }{\rtlch\fcs1 \af0\afs22 \ltrch\fcs0 \fs22\insrsid1</w:t>
      </w:r>
      <w:r w:rsidRPr="005A1F79">
        <w:rPr>
          <w:rFonts w:ascii="Courier New" w:hAnsi="Courier New" w:cs="Courier New"/>
        </w:rPr>
        <w:t>1011380\charrsid7568469 \'ce\'e1 \'ee\'e4\'ee\'e1\'f0\'e5\'ed\'e8\'e8 \'ea\'f0\'f3\'ef\'ed\'ee\'e9 \'f1\'e4\'e5\'eb\'ea\'e8 \endash  \'e4\'ee\'e3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f0\'e0 \'ef\'ee\'f0\'f3\'f7\'e8\'f2\'e5\'eb\'fc\'f1\'f2\'e2\'e0 \'b9\'c4\'cf1-\'d6\'d3-702750/2</w:t>
      </w:r>
      <w:r w:rsidRPr="005A1F79">
        <w:rPr>
          <w:rFonts w:ascii="Courier New" w:hAnsi="Courier New" w:cs="Courier New"/>
        </w:rPr>
        <w:t>021/00032 \'ee\'f2 03.06.2021 \'e3. \'ec\'e5\'e6\'e4\'f3 \'c0\'ce \'ab\'d2\'e5\'f0\'ec\'e8\'ed\'e0\'eb \'c0\'f1\'f2\'e0\'f4\'fc\'e5\'e2\'e0\'bb (\'c8\'c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d 2508001618) \'e8 \'c1\'e0\'ed\'ea\'ee\'ec \'c2\'d2\'c1 (\'ef\'f3\'e1\'eb\'e8\'f7\'ed\'ee\'e5 \'e</w:t>
      </w:r>
      <w:r w:rsidRPr="005A1F79">
        <w:rPr>
          <w:rFonts w:ascii="Courier New" w:hAnsi="Courier New" w:cs="Courier New"/>
        </w:rPr>
        <w:t>0\'ea\'f6\'e8\'ee\'ed\'e5\'f0\'ed\'ee\'e5 \'ee\'e1\'f9\'e5\'f1\'f2\'e2\'ee) \'ef\'ee \'ea\'f0\'e5\'e4\'e8\'f2\'ed\'fb\'ec \'ee\'e1\'ff\'e7\'e0\'f2\'e5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c\'f1\'f2\'e2\'e0\'ec \'ce\'ce\'ce \'ab\'c4\'e0\'eb\'fc\'d0\'fb\'e1\'cf\'ee\'f0\'f2\'bb (\'c8\'cd</w:t>
      </w:r>
      <w:r w:rsidRPr="005A1F79">
        <w:rPr>
          <w:rFonts w:ascii="Courier New" w:hAnsi="Courier New" w:cs="Courier New"/>
        </w:rPr>
        <w:t xml:space="preserve">\'cd 2537047582), \'e2\'ee\'e7\'ed\'e8\'ea\'e0\'fe\'f9\'e8\'ec \'e8\'e7 \'ea\'f0\'e5\'e4\'e8\'f2\'ed\'ee\'e3\'ee \'f1\'ee\'e3\'eb\'e0\'f8\'e5\'ed\'e8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b9 \'ca\'d1-\'d6\'d3-702750/2021/00032 \'ee\'f2 03.06.2021 \'e3. \'ec\'e5\'e6\'e4\'f3 \'ce\'ce\'ce</w:t>
      </w:r>
      <w:r w:rsidRPr="005A1F79">
        <w:rPr>
          <w:rFonts w:ascii="Courier New" w:hAnsi="Courier New" w:cs="Courier New"/>
        </w:rPr>
        <w:t xml:space="preserve"> \'ab\'c4\'e0\'eb\'fc\'d0\'fb\'e1\'cf\'ee\'f0\'f2\'bb (\'c8\'cd\'cd 2537047582) \'e8 \'c1\'e0\'ed\'ea\'ee\'ec \'c2\'d2\'c1 (\'cf\'c0\'ce) \endash  \'ea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4\'e8\'f2\'ed\'ee\'e9 \'eb\'e8\'ed\'e8\'e8 \'f1 \'eb\'e8\'ec\'e8\'f2\'ee\'ec \'e2\'fb\'e4\'e</w:t>
      </w:r>
      <w:r w:rsidRPr="005A1F79">
        <w:rPr>
          <w:rFonts w:ascii="Courier New" w:hAnsi="Courier New" w:cs="Courier New"/>
        </w:rPr>
        <w:t>0\'f7\'e8 \'e2 \'f1\'f3\'ec\'ec\'e5 108 529 411.76 \'f0\'f3\'e1\'eb\'e5\'e9 \'f1\'f0\'ee\'ea\'ee\'ec \'e4\'ee 10.07.2023\'e3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991179 {\rtlch\</w:t>
      </w:r>
      <w:r w:rsidRPr="005A1F79">
        <w:rPr>
          <w:rFonts w:ascii="Courier New" w:hAnsi="Courier New" w:cs="Courier New"/>
        </w:rPr>
        <w:t xml:space="preserve">fcs1 \ab\af0\afs22 \ltrch\fcs0 \b\fs22\insrsid1265092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8323676 {\rtlch\fcs1 \ab\af0\afs22 \ltrch\fcs0 \b\fs22\insrsid472349\charrsid538368 \'</w:t>
      </w:r>
      <w:r w:rsidRPr="005A1F79">
        <w:rPr>
          <w:rFonts w:ascii="Courier New" w:hAnsi="Courier New" w:cs="Courier New"/>
        </w:rPr>
        <w:t>d0\'e5\'e7\'f3\'eb\'fc\'f2\'e0\'f2\'fb \'e3\'ee\'eb\'ee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2\'e0\'ed\'e8\'ff}{\rtlch\fcs1 \af0\afs22 \ltrch\fcs0 \b\fs22\insrsid472349\charrsid538368  }{\rtlch\fcs1 \af0\afs22 \ltrch\fcs0 \b\fs22\insrsid8323676\charrsid538368 \'ef\'ee }{\rtlch\fcs</w:t>
      </w:r>
      <w:r w:rsidRPr="005A1F79">
        <w:rPr>
          <w:rFonts w:ascii="Courier New" w:hAnsi="Courier New" w:cs="Courier New"/>
        </w:rPr>
        <w:t>1 \af0\afs22 \ltrch\fcs0 \b\fs22\insrsid8323676 \'f2\'f0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fc\'e5\'ec\'f3}{\rtlch\fcs1 \af0\afs22 \ltrch\fcs0 \b\fs22\insrsid8323676\charrsid538368  \'e2\'ee\'ef\'f0\'ee\'f1\'f3 \'ef\'ee\'e2\'e5\'f1\'f2\'ea\'e8 \'e4\'ed\'ff:}{\rtlch\fcs1 \af0\afs2</w:t>
      </w:r>
      <w:r w:rsidRPr="005A1F79">
        <w:rPr>
          <w:rFonts w:ascii="Courier New" w:hAnsi="Courier New" w:cs="Courier New"/>
        </w:rPr>
        <w:t>2 \ltrch\fcs0 \b\fs22\cf6\insrsid8323676\charrsid538368  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f0\afs22 \ltrch\fcs0 \b\fs22\cf6\insrsid832367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sb120\widctlpar\tx4536\wrapdefault\aspalpha\aspnum\faauto\adjustright\rin0\lin0\itap0\pararsid11011</w:t>
      </w:r>
      <w:r w:rsidRPr="005A1F79">
        <w:rPr>
          <w:rFonts w:ascii="Courier New" w:hAnsi="Courier New" w:cs="Courier New"/>
        </w:rPr>
        <w:t xml:space="preserve">380 {\rtlch\fcs1 \af0\afs22 \ltrch\fcs0 \fs22\insrsid11011380\charrsid2451716 \'d7\'e8\'f1\'eb\'ee \'e3\'ee\'eb\'ee\'f1\'ee\'e2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a\'ee\'f2\'ee\'f0\'fb\'ec\'e8 \'ee\'e1\'eb\'e0\'e4\'e0\'eb\'e8 \'eb\'e8\'f6\'e0, \'e2\'ea\'eb\'fe\'f7\'e5\'ed\'ed\'fb\'e5 </w:t>
      </w:r>
      <w:r w:rsidRPr="005A1F79">
        <w:rPr>
          <w:rFonts w:ascii="Courier New" w:hAnsi="Courier New" w:cs="Courier New"/>
        </w:rPr>
        <w:t>\'e2 \'f1\'ef\'e8\'f1\'ee\'ea \'eb\'e8\'f6, \'e8\'ec\'e5\'e2\'f8\'e8\'f5 \'ef\'f0\'e0\'e2\'ee \'ed\'e0 \'f3\'f7\'e0\'f1\'f2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2  \'ee\'e1\'f9\'e5\'ec \'f1\'ee\'e1\'f0\'e0\'ed\'e8\'e8 \'e0\'ea\'f6\'e8\'ee\'ed\'e5\'f0\'ee\'e2, \'ef\'ee \'e4\'e0\'e</w:t>
      </w:r>
      <w:r w:rsidRPr="005A1F79">
        <w:rPr>
          <w:rFonts w:ascii="Courier New" w:hAnsi="Courier New" w:cs="Courier New"/>
        </w:rPr>
        <w:t>d\'ed\'ee\'ec\'f3 \'e2\'ee\'ef\'f0\'ee\'f1\'f3 \'ef\'ee\'e2\'e5\'f1\'f2\'ea\'e8 \'e4\'ed\'ff \'ee\'e1\'f9\'e5\'e3\'ee \'f1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1\'f0\'e0\'ed\'e8\'ff, -  830 380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f\'f0\'e8\'f5\'ee\'e4\'e8\'e2</w:t>
      </w:r>
      <w:r w:rsidRPr="005A1F79">
        <w:rPr>
          <w:rFonts w:ascii="Courier New" w:hAnsi="Courier New" w:cs="Courier New"/>
        </w:rPr>
        <w:t>\'f8\'e8\'f5\'f1\'ff \'ed\'e0 \'e3\'ee\'eb\'ee\'f1\'f3\'fe\'f9\'e8\'e5 \'e0\'ea\'f6\'e8\'e8 \'ee\'e1\'f9\'e5\'f1\'f2\'e2\'e0, \'ef\'ee \'e4\'e0\'ed\'ed\'ee\'ec\'f3 \'e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e\'f1\'f3 \'ef\'ee\'e2\'e5\'f1\'f2\'ea\'e8 \'e4\'ed\'ff \'ee\'e1\'f9\'e</w:t>
      </w:r>
      <w:r w:rsidRPr="005A1F79">
        <w:rPr>
          <w:rFonts w:ascii="Courier New" w:hAnsi="Courier New" w:cs="Courier New"/>
        </w:rPr>
        <w:t>5\'e3\'ee \'f1\'ee\'e1\'f0\'e0\'ed\'e8\'ff, \'ee\'ef\'f0\'e5\'e4\'e5\'eb\'e5\'ed\'ed\'ee\'e5 \'f1 \'f3\'f7\'e5\'f2\'ee\'ec \'f2\'f0\'e5\'e1\'ee\'e2\'e0\'ed\'e8\'e9 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. 4.24. \'cf\'ee\'eb\'ee\'e6\'e5\'ed\'e8\'e5 \'c1\'e0\'ed\'ea\'e0 \'d0\'ee\'f1\'f1\'e8</w:t>
      </w:r>
      <w:r w:rsidRPr="005A1F79">
        <w:rPr>
          <w:rFonts w:ascii="Courier New" w:hAnsi="Courier New" w:cs="Courier New"/>
        </w:rPr>
        <w:t xml:space="preserve">\'e8 \'b9 660-\'cf \'ee\'f2 16.11.2018\'e3. \'ab\'ce\'e1 \'ee\'e1\'f9\'e8\'f5 \'f1\'ee\'e1\'f0\'e0\'ed\'e8\'ff\'f5 \'e0\'ea\'f6\'e8\'ee\'ed\'e5\'f0\'ee\'e2\'bb, \endash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472 104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a\'ee\'f2\'ee\'</w:t>
      </w:r>
      <w:r w:rsidRPr="005A1F79">
        <w:rPr>
          <w:rFonts w:ascii="Courier New" w:hAnsi="Courier New" w:cs="Courier New"/>
        </w:rPr>
        <w:t>f0\'fb\'ec\'e8 \'ee\'e1\'eb\'e0\'e4\'e0\'eb\'e8 \'eb\'e8\'f6\'e0, \'ef\'f0\'e8\'ed\'ff\'e2\'f8\'e8\'e5 \'f3\'f7\'e0\'f1\'f2\'e8\'e5  \'e2 \'ee\'e1\'f9\'e5\'ec  \'f1\'ee\'e1\'f0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8, \'ef\'ee \'e4\'e0\'ed\'ed\'ee\'ec\'f3 \'e2\'ee\'ef\'f0\'ee\'</w:t>
      </w:r>
      <w:r w:rsidRPr="005A1F79">
        <w:rPr>
          <w:rFonts w:ascii="Courier New" w:hAnsi="Courier New" w:cs="Courier New"/>
        </w:rPr>
        <w:t xml:space="preserve">f1\'f3 \'ef\'ee\'e2\'e5\'f1\'f2\'ea\'e8 \'e4\'ed\'ff \'f1\'ee\'e1\'f0\'e0\'ed\'e8\'ff,  - }{\rtlch\fcs1 \af0\afs22 \ltrch\fcs0 \fs22\insrsid11011380 383 648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1011380\charrsid2451716 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</w:t>
      </w:r>
      <w:r w:rsidRPr="005A1F79">
        <w:rPr>
          <w:rFonts w:ascii="Courier New" w:hAnsi="Courier New" w:cs="Courier New"/>
        </w:rPr>
        <w:t>qj \li0\ri0\widctlpar\tx4536\wrapdefault\aspalpha\aspnum\faauto\adjustright\rin0\lin0\itap0\pararsid11011380 {\rtlch\fcs1 \af0\afs22 \ltrch\fcs0 \fs22\insrsid11011380\charrsid2451716 \'ca\'e2\'ee\'f0\'f3\'ec \'ef\'ee \'e4\'e0\'ed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f3 \'e2\'ee</w:t>
      </w:r>
      <w:r w:rsidRPr="005A1F79">
        <w:rPr>
          <w:rFonts w:ascii="Courier New" w:hAnsi="Courier New" w:cs="Courier New"/>
        </w:rPr>
        <w:t>\'ef\'f0\'ee\'f1\'f3 \'ef\'ee\'e2\'e5\'f1\'f2\'ea\'e8 \'e4\'ed\'ff \'e8\'ec\'e5}{\rtlch\fcs1 \af0\afs22 \ltrch\fcs0 \fs22\insrsid11011380 \'eb\'f1\'ff}{\rtlch\fcs1 \af0\afs22 \ltrch\fcs0 \fs22\insrsid11011380\charrsid2451716 .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</w:t>
      </w:r>
      <w:r w:rsidRPr="005A1F79">
        <w:rPr>
          <w:rFonts w:ascii="Courier New" w:hAnsi="Courier New" w:cs="Courier New"/>
        </w:rPr>
        <w:t xml:space="preserve">rch\fcs0 \fs22\insrsid11011380\charrsid1287735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4\qj \li0\ri0\widctlpar\tx4536\wrapdefault\aspalpha\aspnum\faauto\adjustright\rin0\lin0\itap0\pararsid11011380 \rtlch\fcs1 \af0\afs20\alang1025 \ltrch\fcs0 \fs24\lang1049\langfe1</w:t>
      </w:r>
      <w:r w:rsidRPr="005A1F79">
        <w:rPr>
          <w:rFonts w:ascii="Courier New" w:hAnsi="Courier New" w:cs="Courier New"/>
        </w:rPr>
        <w:t xml:space="preserve">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11011380\charrsid2451716 \'d7\'e8\'f1\'eb\'ee \'e3\'ee\'eb\'ee\'f1\'ee\'e2, \'ee\'f2\'e4\'e0\'ed\'ed\'fb\'f5 \'e7\'e0 \'ea\'e0\'e6\'e4\'fb\'e9 \'e8\'e7 \'e2\'e0\'f0\'e8\'e</w:t>
      </w:r>
      <w:r w:rsidRPr="005A1F79">
        <w:rPr>
          <w:rFonts w:ascii="Courier New" w:hAnsi="Courier New" w:cs="Courier New"/>
        </w:rPr>
        <w:t>0\'ed\'f2\'ee\'e2 \'e3\'ee\'eb\'ee\'f1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d\'e8\'ff \'ef\'ee \'e4\'e0\'ed\'ed\'ee\'ec\'f3 \'e2\'ee\'ef\'f0\'ee\'f1\'f3 \'ef\'ee\'e2\'e5\'f1\'f2\'ea\'e8 \'e4\'ed\'ff \'f1\'ee\'e1\'f0\'e0\'ed\'e8\'ff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fi709\li0\ri0</w:t>
      </w:r>
      <w:r w:rsidRPr="005A1F79">
        <w:rPr>
          <w:rFonts w:ascii="Courier New" w:hAnsi="Courier New" w:cs="Courier New"/>
        </w:rPr>
        <w:t xml:space="preserve">\widctlpar\wrapdefault\aspalpha\aspnum\faauto\adjustright\rin0\lin0\itap0\pararsid11011380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1011380\char</w:t>
      </w:r>
      <w:r w:rsidRPr="005A1F79">
        <w:rPr>
          <w:rFonts w:ascii="Courier New" w:hAnsi="Courier New" w:cs="Courier New"/>
        </w:rPr>
        <w:t>rsid11011380 \'ab\'e7\'e0\'bb -  383\~621;     \'ab\'ef\'f0\'ee\'f2\'e8\'e2\'bb -  0;     \'ab\'e2\'ee\'e7\'e4\'e5\'f0\'e6\'e0\'eb\'f1\'ff\'bb - 0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284\ri-160\widctlpar\wrapdefault\aspalpha\aspnum\faauto\adjustright\rin-160\lin28</w:t>
      </w:r>
      <w:r w:rsidRPr="005A1F79">
        <w:rPr>
          <w:rFonts w:ascii="Courier New" w:hAnsi="Courier New" w:cs="Courier New"/>
        </w:rPr>
        <w:t xml:space="preserve">4\itap0\pararsid14956645 {\rtlch\fcs1 \af0\afs22 \ltrch\fcs0 \i\fs22\insrsid14956645\charrsid245171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9463829 {\rtlch\fcs1 \af0\afs22 \ltrch\f</w:t>
      </w:r>
      <w:r w:rsidRPr="005A1F79">
        <w:rPr>
          <w:rFonts w:ascii="Courier New" w:hAnsi="Courier New" w:cs="Courier New"/>
        </w:rPr>
        <w:t xml:space="preserve">cs0 \b\fs22\insrsid8323676\charrsid11283266 \'d0\'e5\'f8\'e5\'ed\'e8\'e5 \'f1\'ee\'e1\'f0\'e0\'ed\'e8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e \'f2\'f0\'e5\'f2\'fc\'e5\'ec\'f3 \'e2\'ee\'ef\'f0\'ee\'f1\'f3 \'ef\'ee\'e2\'e5\'f1\'f2\'ea\'e8 \'e4\'ed\'ff: }{\rtlch\fcs1 \af0\afs22 \ltrc</w:t>
      </w:r>
      <w:r w:rsidRPr="005A1F79">
        <w:rPr>
          <w:rFonts w:ascii="Courier New" w:hAnsi="Courier New" w:cs="Courier New"/>
        </w:rPr>
        <w:t xml:space="preserve">h\fcs0 \fs22\insrsid2047675\charrsid1128326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\ltrpar\qj \li0\ri0\widctlpar\wrapdefault\aspalpha\aspnum\faauto\adjustright\rin0\lin0\itap0\pararsid11283266 {\rtlch\fcs1 \af0\afs22 \ltrch\fcs0 \fs22\insrsid11283266 \'ce}{\rtlch\fcs1 \af0\afs22 </w:t>
      </w:r>
      <w:r w:rsidRPr="005A1F79">
        <w:rPr>
          <w:rFonts w:ascii="Courier New" w:hAnsi="Courier New" w:cs="Courier New"/>
        </w:rPr>
        <w:t xml:space="preserve">\ltrch\fcs0 \fs22\insrsid11283266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e\'e1\'f0\'e8\'f2\'fc \'ea\'f0\'f3\'ef\'ed\'f3\'fe \'f1\'e4\'e5\'eb\'ea\'f3 \endash  \'e4\'ee\'e3\'ee\'e2\'ee\'f0 \'ef\'ee\'f0\'f3\'f7\'e8\'f2\'e5\'eb\'fc\'f1\'f2\'e2\'e0 \'b9\'c4\'cf1-\'d6\'d3-70</w:t>
      </w:r>
      <w:r w:rsidRPr="005A1F79">
        <w:rPr>
          <w:rFonts w:ascii="Courier New" w:hAnsi="Courier New" w:cs="Courier New"/>
        </w:rPr>
        <w:t>2750/2021/00032 \'ee\'f2 03.06.2021 \'e3. \'ec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6\'e4\'f3 \'c0\'ce \'ab\'d2\'e5\'f0\'ec\'e8\'ed\'e0\'eb \'c0\'f1\'f2\'e0\'f4\'fc\'e5\'e2\'e0\'bb (\'c8\'cd\'cd 2508001618) \'e8 \'c1\'e0\'ed\'ea\'ee\'ec \'c2\'d2\'c1 (\'ef\'f3\'e1\'eb\'e8\'f7\'ed\'ee\'</w:t>
      </w:r>
      <w:r w:rsidRPr="005A1F79">
        <w:rPr>
          <w:rFonts w:ascii="Courier New" w:hAnsi="Courier New" w:cs="Courier New"/>
        </w:rPr>
        <w:t xml:space="preserve">e5 \'e0\'ea\'f6\'e8\'ee\'ed\'e5\'f0\'ed\'ee\'e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1\'f9\'e5\'f1\'f2\'e2\'ee) \'ef\'ee \'ea\'f0\'e5\'e4\'e8\'f2\'ed\'fb\'ec \'ee\'e1\'ff\'e7\'e0\'f2\'e5\'eb\'fc\'f1\'f2\'e2\'e0\'ec \'ce\'ce\'ce \'ab\'c4\'e0\'eb\'fc\'d0\'fb\'e1\'cf\'ee\'f0\'f2\'bb (\'</w:t>
      </w:r>
      <w:r w:rsidRPr="005A1F79">
        <w:rPr>
          <w:rFonts w:ascii="Courier New" w:hAnsi="Courier New" w:cs="Courier New"/>
        </w:rPr>
        <w:t>c8\'cd\'cd 2537047582), \'e2\'ee\'e7\'ed\'e8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e\'f9\'e8\'ec \'e8\'e7 \'ea\'f0\'e5\'e4\'e8\'f2\'ed\'ee\'e3\'ee \'f1\'ee\'e3\'eb\'e0\'f8\'e5\'ed\'e8\'ff \'b9 \'ca\'d1-\'d6\'d3-702750/2021/00032 \'ee\'f2 03.06.2021 \'e3. \'ec\'e5\'e6\'e4\'f3 \'ce\'</w:t>
      </w:r>
      <w:r w:rsidRPr="005A1F79">
        <w:rPr>
          <w:rFonts w:ascii="Courier New" w:hAnsi="Courier New" w:cs="Courier New"/>
        </w:rPr>
        <w:t>ce\'ce \'ab\'c4\'e0\'eb\'fc\'d0\'fb\'e1\'c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f2\'bb (\'c8\'cd\'cd 2537047582) \'e8 \'c1\'e0\'ed\'ea\'ee\'ec \'c2\'d2\'c1 (\'cf\'c0\'ce) \endash  \'ea\'f0\'e5\'e4\'e8\'f2\'ed\'ee\'e9 \'eb\'e8\'ed\'e8\'e8 \'f1 \'eb\'e8\'ec\'e8\'f2\'ee\'ec \'e2\'fb\</w:t>
      </w:r>
      <w:r w:rsidRPr="005A1F79">
        <w:rPr>
          <w:rFonts w:ascii="Courier New" w:hAnsi="Courier New" w:cs="Courier New"/>
        </w:rPr>
        <w:t>'e4\'e0\'f7\'e8 \'e2 \'f1\'f3\'ec\'ec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108 529 411.76 \'f0\'f3\'e1\'eb\'e5\'e9 \'f1\'f0\'ee\'ea\'ee\'ec \'e4\'ee 10.07.2023\'e3. (\'e4\'e0\'eb\'e5\'e5 \'f2\'e0\'ea\'e6\'e5 \'d1\'ee\'e3\'eb\'e0\'f8\'e5\'ed\'e8\'e5/\'ca\'f0\'e5\'e4\'e8\'f2\'ed\'ee\'e5 \</w:t>
      </w:r>
      <w:r w:rsidRPr="005A1F79">
        <w:rPr>
          <w:rFonts w:ascii="Courier New" w:hAnsi="Courier New" w:cs="Courier New"/>
        </w:rPr>
        <w:t xml:space="preserve">'f1\'ee\'e3\'eb\'e0\'f8\'e5\'ed\'e8\'e5)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0 \'f1\'eb\'e5\'e4\'f3\'fe\'f9\'e8\'f5 \'f3\'f1\'eb\'ee\'e2\'e8\'ff\'f5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8\li0\ri0\widctlpar\wrapdefault\aspalpha\aspnum\faauto\adjustright\rin0\lin0\itap0\pararsid11283266 {\rt</w:t>
      </w:r>
      <w:r w:rsidRPr="005A1F79">
        <w:rPr>
          <w:rFonts w:ascii="Courier New" w:hAnsi="Courier New" w:cs="Courier New"/>
        </w:rPr>
        <w:t>lch\fcs1 \ab\af0\afs22 \ltrch\fcs0 \b\fs22\expnd4\expndtw20\insrsid11283266\charrsid13642871 \'c2\'e8\'e4 \'f1\'e4\'e5\'eb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:}{\rtlch\fcs1 \ab\af0\afs22 \ltrch\fcs0 \fs22\expnd4\expndtw20\insrsid11283266\charrsid13642871  \'ca\'f0\'e5\'e4\'e8\'f2\'</w:t>
      </w:r>
      <w:r w:rsidRPr="005A1F79">
        <w:rPr>
          <w:rFonts w:ascii="Courier New" w:hAnsi="Courier New" w:cs="Courier New"/>
        </w:rPr>
        <w:t>ed\'e0\'ff \'eb\'e8\'ed\'e8\'ff \'f1 \'eb\'e8\'ec\'e8\'f2\'ee\'ec \'e2\'fb\'e4\'e0\'f7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567\li0\ri0\widctlpar\wrapdefault\aspalpha\aspnum\faauto\adjustright\rin0\lin0\itap0\pararsid11283266 {\rtlch\fcs1 \ab\af0\afs22 \ltrch\f</w:t>
      </w:r>
      <w:r w:rsidRPr="005A1F79">
        <w:rPr>
          <w:rFonts w:ascii="Courier New" w:hAnsi="Courier New" w:cs="Courier New"/>
        </w:rPr>
        <w:t xml:space="preserve">cs0 \fs22\expnd4\expndtw20\insrsid11283266\charrsid13642871 - \'ca\'f0\'e5\'e4\'e8\'f2\'ee\'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endash  \'c1\'e0\'ed\'ea \'c2\'d2\'c1 (\'cf\'c0\'ce)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 \'c7\'e0\'e5\'ec\'f9\'e8\'ea \endash }{\rtlch\fcs1 \af0\afs22 \ltrch\fcs0 \fs22\insrsid11283266\c</w:t>
      </w:r>
      <w:r w:rsidRPr="005A1F79">
        <w:rPr>
          <w:rFonts w:ascii="Courier New" w:hAnsi="Courier New" w:cs="Courier New"/>
        </w:rPr>
        <w:t xml:space="preserve">harrsid13642871  \'ce\'ce\'ce \'ab\'c4\'e0\'eb\'fc\'d0\'fb\'e1\'cf\'ee\'f0\'f2\'bb (\'c8\'cd\'cd 2537047582)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s22\expnd4\expndtw20\insrsid11283266\charrsid13642871  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8\li0\ri0\widctlp</w:t>
      </w:r>
      <w:r w:rsidRPr="005A1F79">
        <w:rPr>
          <w:rFonts w:ascii="Courier New" w:hAnsi="Courier New" w:cs="Courier New"/>
        </w:rPr>
        <w:t>ar\wrapdefault\aspalpha\aspnum\faauto\adjustright\rin0\lin0\itap0\pararsid11283266 {\rtlch\fcs1 \ab\af0\afs22 \ltrch\fcs0 \b\fs22\expnd4\expndtw20\insrsid11283266\charrsid13642871 \'d1\'f3\'ec\'ec\'e0 \'f1\'e4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b\'ea\'e8:}{\rtlch\fcs1 \ab\af0\afs22 </w:t>
      </w:r>
      <w:r w:rsidRPr="005A1F79">
        <w:rPr>
          <w:rFonts w:ascii="Courier New" w:hAnsi="Courier New" w:cs="Courier New"/>
        </w:rPr>
        <w:t>\ltrch\fcs0 \fs22\expnd4\expndtw20\insrsid11283266\charrsid13642871  }{\rtlch\fcs1 \af0\afs22 \ltrch\fcs0 \fs22\insrsid11283266\charrsid13642871 108\~529 411.76 \'f0\'f3\'e1\'eb\'e5\'e9, \'ed\'ee \'ed\'e5 \'e1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5 \'e7\'e0\'e4\'ee\'eb\'e6\'e5</w:t>
      </w:r>
      <w:r w:rsidRPr="005A1F79">
        <w:rPr>
          <w:rFonts w:ascii="Courier New" w:hAnsi="Courier New" w:cs="Courier New"/>
        </w:rPr>
        <w:t>\'ed\'ed\'ee\'f1\'f2\'e8 \'ef\'ee \'f0\'e5\'f4\'e8\'ed\'e0\'ed\'f1\'e8\'f0\'f3\'e5\'ec\'ee\'ec\'f3 \'ca\'f0\'e5\'e4\'e8\'f2\'ed\'ee\'ec\'f3 \'f1\'ee\'e3\'eb\'e0\'f8\'e5\'ed\'e8\'fe \'ed\'e0 \'e4\'e0\'f2\'f3 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f4\'e8\'ed\'e0\'ed\'f1\'e8\'f0\'ee\'e</w:t>
      </w:r>
      <w:r w:rsidRPr="005A1F79">
        <w:rPr>
          <w:rFonts w:ascii="Courier New" w:hAnsi="Courier New" w:cs="Courier New"/>
        </w:rPr>
        <w:t xml:space="preserve">2\'e0\'ed\'e8\'ff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11283266\charrsid13642871 \'d1\'f0\'ee\'ea \'f1\'e4\'e5\'eb\'ea\'e8: }{\rtlch\fcs1 \af0\afs22 \ltrch\fcs0 \fs22\insrsid11283266\charrsid13642871 \'e4\'ee 10.0</w:t>
      </w:r>
      <w:r w:rsidRPr="005A1F79">
        <w:rPr>
          <w:rFonts w:ascii="Courier New" w:hAnsi="Courier New" w:cs="Courier New"/>
        </w:rPr>
        <w:t>7.2023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1\'f0\'ee\'ea \'e8\'f1\'ef\'ee\'eb\'fc\'e7\'ee\'e2\'e0\'ed\'e8\'ff \endash  10 \'ea\'e0\'eb\'e5\'ed\'e4\'e0\'f0\'ed\'fb\'f5 \'e4\'ed\'e5\'e9. }{\rtlch\fcs1 \ab\af0\afs22 \ltrch\fcs0 \fs22\expnd4\expndtw20\insrsid11283266\charrsid1364287</w:t>
      </w:r>
      <w:r w:rsidRPr="005A1F79">
        <w:rPr>
          <w:rFonts w:ascii="Courier New" w:hAnsi="Courier New" w:cs="Courier New"/>
        </w:rPr>
        <w:t xml:space="preserve">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\ltrpar\qj \fi708\li0\ri0\nowidctlpar\wrapdefault\aspalpha\aspnum\faauto\adjustright\rin0\lin0\itap0\pararsid11283266 {\rtlch\fcs1 \ab\af0\afs22 \ltrch\fcs0 \b\fs22\expnd4\expndtw20\insrsid11283266\charrsid13642871 \'c3\'f0\'e0\'f4\'e8\'ea </w:t>
      </w:r>
      <w:r w:rsidRPr="005A1F79">
        <w:rPr>
          <w:rFonts w:ascii="Courier New" w:hAnsi="Courier New" w:cs="Courier New"/>
        </w:rPr>
        <w:t>\'e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3\'e0\'f8\'e5\'ed\'e8\'ff:}{\rtlch\fcs1 \af0\afs22 \ltrch\fcs0 \fs22\insrsid11283266\charrsid13642871  \'ed\'e0\'f7\'e8\'ed\'e0\'ff \'f1 \'e8\'fe\'eb\'ff 2021\'e3., \'e2 \'ef\'ee\'f1\'eb\'e5\'e4\'ed\'e8\'e5 7 \'ea\'e0\'eb\'e5\'ed\'e4\'e0\'f0\'</w:t>
      </w:r>
      <w:r w:rsidRPr="005A1F79">
        <w:rPr>
          <w:rFonts w:ascii="Courier New" w:hAnsi="Courier New" w:cs="Courier New"/>
        </w:rPr>
        <w:t>ed\'f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5 \'e4\'ed\'e5\'e9 \'ec\'e5\'f1\'ff\'f6\'e0, \'e5\'e6\'e5\'ea\'e2\'e0\'f0\'f2\'e0\'eb\'fc\'ed\'ee, \'e2 \'f0\'e0\'e7\'ec\'e5\'f0\'e5 12\~058 823,53 \'f0\'f3\'e1\'eb\'e5\'e9, \'ef\'ee\'f1\'eb\'e5\'e4\'ed\'e8\'e9 \'ef\'eb\'e0\'f2\'e5\'e6 \endash  </w:t>
      </w:r>
      <w:r w:rsidRPr="005A1F79">
        <w:rPr>
          <w:rFonts w:ascii="Courier New" w:hAnsi="Courier New" w:cs="Courier New"/>
        </w:rPr>
        <w:t xml:space="preserve">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e\'f1\'eb\'e5\'e4\'ed\'e8\'e5 7 \'ea\'e0\'eb\'e5\'ed\'e4\'e0\'f0\'ed\'fb\'f5 \'e4\'ed\'e5\'e9 \'ef\'ee\'f1\'eb\'e5\'e4\'ed\'e5\'e3\'ee \'ec\'e5\'f1\'ff\'f6\'e0 \'f1\'f0\'ee\'ea\'e0 \'e4\'e5\'e9\'f1\'f2\'e2\'e8\'ff \'ca\'f0\'e5\'e4\'e8\'f2\'ed</w:t>
      </w:r>
      <w:r w:rsidRPr="005A1F79">
        <w:rPr>
          <w:rFonts w:ascii="Courier New" w:hAnsi="Courier New" w:cs="Courier New"/>
        </w:rPr>
        <w:t>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3\'ee \'f1\'ee\'e3\'eb\'e0\'f8\'e5\'ed\'e8\'ff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11283266\charrsid13642871 \'d6\'e5\'eb\'e5\'e2\'ee\'e5 \'ed\'e0\'e7\'ed\'e0\'f7\'e5\'ed\'e8\'e5:}{\rtlch\fcs1 \af0\afs22</w:t>
      </w:r>
      <w:r w:rsidRPr="005A1F79">
        <w:rPr>
          <w:rFonts w:ascii="Courier New" w:hAnsi="Courier New" w:cs="Courier New"/>
        </w:rPr>
        <w:t xml:space="preserve"> \ltrch\fcs0 \fs22\insrsid11283266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l \li0\ri0\widctlpar\wrapdefault\aspalpha\aspnum\faauto\adjustright\rin0\lin0\itap0\pararsid11283266 {\rtlch\fcs1 \af0\afs22 \ltrch\fcs0 \fs22\insrsid11283266\charrsid13642871 \'d0</w:t>
      </w:r>
      <w:r w:rsidRPr="005A1F79">
        <w:rPr>
          <w:rFonts w:ascii="Courier New" w:hAnsi="Courier New" w:cs="Courier New"/>
        </w:rPr>
        <w:t>\'e5\'f4\'e8\'ed\'e0\'ed\'f1\'e8\'f0\'ee\'e2\'e0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f1\'ee\'e1\'f1\'f2\'e2\'e5\'ed\'ed\'ee\'e9 \'f1\'f1\'f3\'e4\'ed\'ee\'e9 \'e7\'e0\'e4\'ee\'eb\'e6\'e5\'ed\'ed\'ee\'f1\'f2\'e8 \'c7\'e0\'e5\'ec\'f9\'e8\'ea\'e0 \'ef\'e5\'f0\'e5\'e4 \'c4\'e5\'e9</w:t>
      </w:r>
      <w:r w:rsidRPr="005A1F79">
        <w:rPr>
          <w:rFonts w:ascii="Courier New" w:hAnsi="Courier New" w:cs="Courier New"/>
        </w:rPr>
        <w:t>\'f1\'f2\'e2\'f3\'fe\'f9\'e8\'ec \'ea\'f0\'e5\'e4\'e8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f0\'ee\'ec \'ef\'ee \'ea\'f0\'e5\'e4\'e8\'f2\'f3, \'ef\'f0\'e8\'e2\'eb\'e5\'f7\'e5\'ed\'ed\'ee\'ec\'f3 \'ed\'e0 \'e8\'ed\'e2\'e5\'f1\'f2\'e8\'f6\'e8\'ee\'ed\'ed\'fb\'e5 \'f6\'e5\'eb\'e8, \'e0</w:t>
      </w:r>
      <w:r w:rsidRPr="005A1F79">
        <w:rPr>
          <w:rFonts w:ascii="Courier New" w:hAnsi="Courier New" w:cs="Courier New"/>
        </w:rPr>
        <w:t xml:space="preserve"> \'e8\'ec\'e5\'ed\'ed\'ee \'ed\'e0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1283266 {\rtlch\fcs1 \af0\afs22 \ltrch\fcs0 \fs22\insrsid11283266\charrsid13642871 - \'ef\'f0\'e8\'ee\'e1</w:t>
      </w:r>
      <w:r w:rsidRPr="005A1F79">
        <w:rPr>
          <w:rFonts w:ascii="Courier New" w:hAnsi="Courier New" w:cs="Courier New"/>
        </w:rPr>
        <w:t>\'f0\'e5\'f2\'e5\'ed\'e8\'e5 \'ee\'f1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e\'e2\'ed\'fb\'f5 \'f1\'f0\'e5\'e4\'f1\'f2\'e2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 \'f4\'e8\'ed\'e0\'ed\'f1\'e8\'f0\'ee\'e2\'e0\'ed\'e8\'e5 \'f1\'f2\'f0\'ee\'e8\'f2\'e5\'eb\'fc\'f1\'f2\'e2\'e0 (\'f0\'e5\'ea\'ee\'ed\'f1\'f2\'f0\'f3\'ea\'</w:t>
      </w:r>
      <w:r w:rsidRPr="005A1F79">
        <w:rPr>
          <w:rFonts w:ascii="Courier New" w:hAnsi="Courier New" w:cs="Courier New"/>
        </w:rPr>
        <w:t>f6\'e8\'e8) \'ed\'e5\'e4\'e2\'e8\'e6\'e8\'ec\'ee\'f1\'f2\'e8 \'e4\'eb\'ff \'ee\'f1\'f3\'f9\'e5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2\'eb\'e5\'ed\'e8\'ff \'e4\'e5\'ff\'f2\'e5\'eb\'fc\'ed\'ee\'f1\'f2\'e8 \'e2 \'f2. \'f7.: \'ee\'ef\'eb\'e0\'f2\'e0 \'e8\'ed\'e6\'e5\'ed\'e5\'f0\'ed\'f</w:t>
      </w:r>
      <w:r w:rsidRPr="005A1F79">
        <w:rPr>
          <w:rFonts w:ascii="Courier New" w:hAnsi="Courier New" w:cs="Courier New"/>
        </w:rPr>
        <w:t>b\'f5 \'e8\'e7\'fb\'f1\'ea\'e0\'ed\'e8\'e9 \'e8 \'ef\'f0\'ee\'e5\'ea\'f2\'ed\'ee\'e9 \'e4\'ee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ec\'e5\'ed\'f2\'e0\'f6\'e8\'e8, \'ee\'ef\'eb\'e0\'f2\'e0 \'f0\'e0\'e1\'ee\'f2 \'e8 \'f3\'f1\'eb\'f3\'e3, \'ee\'ef\'eb\'e0\'f2\'e0 \'f1\'f2\'f0\'ee\'e8\</w:t>
      </w:r>
      <w:r w:rsidRPr="005A1F79">
        <w:rPr>
          <w:rFonts w:ascii="Courier New" w:hAnsi="Courier New" w:cs="Courier New"/>
        </w:rPr>
        <w:t>'f2\'e5\'eb\'fc\'ed\'ee-\'ec\'ee\'ed\'f2\'e0\'e6\'ed\'fb\'f5 \'f0\'e0\'e1\'ee\'f2,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l \li0\ri0\widctlpar\wrapdefault\aspalpha\aspnum\faauto\adjustright\rin0\lin0\itap0\pararsid11283266 {\rtlch\fcs1 \af0\afs22 \ltrch\fcs0 \fs22\insrsid1</w:t>
      </w:r>
      <w:r w:rsidRPr="005A1F79">
        <w:rPr>
          <w:rFonts w:ascii="Courier New" w:hAnsi="Courier New" w:cs="Courier New"/>
        </w:rPr>
        <w:t>1283266\charrsid13642871 - \'f4\'e8\'ed\'e0\'ed\'f1\'e8\'f0\'ee\'e2\'e0\'ed\'e8\'e5 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0\'f2\'f0\'e0\'f2, \'f1\'e2\'ff\'e7\'e0\'ed\'ed\'fb\'f5 \'f1 \'ef\'f0\'e8\'ee\'e1\'f0\'e5\'f2\'e5\'ed\'e8\'e5\'ec \'ed\'e5\'e4\'e2\'e8\'e6\'e8\'ec\'ee\'f1\'f2\'e8 </w:t>
      </w:r>
      <w:r w:rsidRPr="005A1F79">
        <w:rPr>
          <w:rFonts w:ascii="Courier New" w:hAnsi="Courier New" w:cs="Courier New"/>
        </w:rPr>
        <w:t>\'e4\'eb\'ff \'ee\'f1\'f3\'f9\'e5\'f1\'f2\'e2\'eb\'e5\'ed\'e8\'ff \'ef\'f0\'ee\'e8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e\'e4\'f1\'f2\'e2\'e5\'ed\'ed\'ee\'e9/\'f2\'ee\'f0\'e3\'ee\'e2\'ee\'e9 \'e4\'e5\'ff\'f2\'e5\'eb\'fc\'ed\'ee\'f1\'f2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</w:t>
      </w:r>
      <w:r w:rsidRPr="005A1F79">
        <w:rPr>
          <w:rFonts w:ascii="Courier New" w:hAnsi="Courier New" w:cs="Courier New"/>
        </w:rPr>
        <w:t>i0\sb20\sa20\nowidctlpar\tx305\wrapdefault\aspalpha\aspnum\faauto\adjustright\rin0\lin0\itap0\pararsid11283266 \rtlch\fcs1 \af0\afs24\alang1025 \ltrch\fcs0 \f1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f0</w:t>
      </w:r>
      <w:r w:rsidRPr="005A1F79">
        <w:rPr>
          <w:rFonts w:ascii="Courier New" w:hAnsi="Courier New" w:cs="Courier New"/>
        </w:rPr>
        <w:t>\fs22\insrsid11283266\charrsid13642871 \'ca\'f0\'e5\'e4\'e8\'f2\'ed\'fb\'e5 \'f1\'f0\'e5\'e4\'f1\'f2\'e2\'e0 \'e2 \'f1\'ee\'ee\'f2\'e2\'e5\'f2\'f1\'f2\'e2\'e8\'e8 \'f1 \'ea\'f0\'e5\'e4\'e8\'f2\'ed\'fb\'ec \'f1\'e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0\'f8\'e5\'ed\'e8\'e5\'ec \'ed</w:t>
      </w:r>
      <w:r w:rsidRPr="005A1F79">
        <w:rPr>
          <w:rFonts w:ascii="Courier New" w:hAnsi="Courier New" w:cs="Courier New"/>
        </w:rPr>
        <w:t xml:space="preserve">\'e5 \'ec\'ee\'e3\'f3\'f2 \'e1\'fb\'f2\'fc \'f0\'e0\'e7\'ec\'e5\'f9\'e5\'ed\'fb \'ed\'e0 \'e4\'e5\'ef\'ee\'e7\'e8\'f2\'e0\'f5, \'e0 \'f2\'e0\'ea\'e6\'e5 \'e2 \'e8\'ed\'fb\'f5 \'f4\'e8\'ed\'e0\'ed\'f1\'ee\'e2\'fb\'f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d\'f1\'f2\'f0\'f3\'ec\'e5\'ed\'</w:t>
      </w:r>
      <w:r w:rsidRPr="005A1F79">
        <w:rPr>
          <w:rFonts w:ascii="Courier New" w:hAnsi="Courier New" w:cs="Courier New"/>
        </w:rPr>
        <w:t>f2\'e0\'f5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i\af0\afs22 \ltrch\fcs0 \b\f0\fs22\insrsid11283266\charrsid13642871 \'ce\'e1\'e5\'f1\'ef\'e5\'f7\'e5\'ed\'e8\'e5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i\af0\afs22 \ltrch\fcs0 \f0\fs22\insrsid11283266\charrsid13642871 \'cf\'ee\'f0\'f3\'f7</w:t>
      </w:r>
      <w:r w:rsidRPr="005A1F79">
        <w:rPr>
          <w:rFonts w:ascii="Courier New" w:hAnsi="Courier New" w:cs="Courier New"/>
        </w:rPr>
        <w:t>\'e8\'f2\'e5\'eb\'fc\'f1\'f2\'e2\'ee \'fe\'f0\'e8\'e4\'e8\'f7\'e5\'f1\'ea\'e8\'f5/\'f4\'e8\'e7\'e8\'f7\'e5\'f1\'ea\'e8\'f5 \'eb\'e8\'f6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11283266\charrsid13642871 \hich</w:t>
      </w:r>
      <w:r w:rsidRPr="005A1F79">
        <w:rPr>
          <w:rFonts w:ascii="Courier New" w:hAnsi="Courier New" w:cs="Courier New"/>
        </w:rPr>
        <w:t>\af0\dbch\af0\loch\f0 -\tab}}\pard \ltrpar\s43\qj \fi-360\li720\ri0\sb20\sa20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x317\jclisttab\tx720\wrapdefault\aspalpha\aspnum\faauto\ls41\adjustright\rin0\lin720\itap0\pararsid11283266 {\rtlch\fcs1 \af0\afs22 \ltrch\fcs0 \f0\fs22\insrsid112</w:t>
      </w:r>
      <w:r w:rsidRPr="005A1F79">
        <w:rPr>
          <w:rFonts w:ascii="Courier New" w:hAnsi="Courier New" w:cs="Courier New"/>
        </w:rPr>
        <w:t>83266\charrsid13642871  \'c0\'ce \'ab\'d2\'e5\'f0\'ec\'e8\'ed\'e0\'eb \'c0\'f1\'f2\'e0\'f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c\'e5\'e2\'e0\'bb (\'c8\'cd\'cd 2508001618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11283266\charrsid13642871 \hich\a</w:t>
      </w:r>
      <w:r w:rsidRPr="005A1F79">
        <w:rPr>
          <w:rFonts w:ascii="Courier New" w:hAnsi="Courier New" w:cs="Courier New"/>
        </w:rPr>
        <w:t>f0\dbch\af0\loch\f0 -\tab}}\pard\plain \ltrpar\qj \fi-360\li720\ri0\sb20\sa20\sl276\slmult1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x317\jclisttab\tx720\wrapdefault\aspalpha\aspnum\faauto\ls41\adjustright\rin0\lin720\itap0\pararsid11283266 \rtlch\fcs1 \af0\afs20\alang1025 \ltrch\f</w:t>
      </w:r>
      <w:r w:rsidRPr="005A1F79">
        <w:rPr>
          <w:rFonts w:ascii="Courier New" w:hAnsi="Courier New" w:cs="Courier New"/>
        </w:rPr>
        <w:t xml:space="preserve">cs0 \fs20\lang1049\langfe1049\cgrid\langnp1049\langfenp1049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11283266\charrsid13642871 \'c0\'ce \'ab\'c4\'e0\'eb\'fc\'ea\'ee\'ec\'f5\'ee\'eb\'ee\'e4\'bb (\'c8\'cd\'cd 2537003955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</w:t>
      </w:r>
      <w:r w:rsidRPr="005A1F79">
        <w:rPr>
          <w:rFonts w:ascii="Courier New" w:hAnsi="Courier New" w:cs="Courier New"/>
        </w:rPr>
        <w:t>n\ltrpar \rtlch\fcs1 \af0\afs22 \ltrch\fcs0 \fs22\insrsid11283266\charrsid13642871 \hich\af0\dbch\af0\loch\f0 -\tab}\'d0\'fb\'e1\'ee\'eb\'ee\'e2\'e5\'f6\'ea\'e8\'e9 \'ea\'ee\'eb\'f5\'ee\'e7 \'ab\'ce\'e3\'ed\'e8 \'c2\'ee\'f1\'f2\'ee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bb (\'c8\'cd\</w:t>
      </w:r>
      <w:r w:rsidRPr="005A1F79">
        <w:rPr>
          <w:rFonts w:ascii="Courier New" w:hAnsi="Courier New" w:cs="Courier New"/>
        </w:rPr>
        <w:t>'cd 2528004952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11283266\charrsid13642871 \hich\af0\dbch\af0\loch\f0 -\tab}\'ce\'ce\'ce \'ab\'c0\'ea\'e2\'e0-\'d0\'e5\'f1\'f3\'f0\'f1\'fb\'bb (\'c8\'cd\'cd 25370525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</w:t>
      </w:r>
      <w:r w:rsidRPr="005A1F79">
        <w:rPr>
          <w:rFonts w:ascii="Courier New" w:hAnsi="Courier New" w:cs="Courier New"/>
        </w:rPr>
        <w:t>ar {\listtext\pard\plain\ltrpar \rtlch\fcs1 \af0\afs22 \ltrch\fcs0 \fs22\insrsid11283266\charrsid13642871 \hich\af0\dbch\af0\loch\f0 -\tab}\'ce\'ce\'ce \'ab\'cc\'e0\'e3\'e8\'f1\'f2\'f0\'e0\'eb\'fc-\'c4\'c2\'bb (\'c8\'cd\'cd 25400778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</w:t>
      </w:r>
      <w:r w:rsidRPr="005A1F79">
        <w:rPr>
          <w:rFonts w:ascii="Courier New" w:hAnsi="Courier New" w:cs="Courier New"/>
        </w:rPr>
        <w:t>rd\plain\ltrpar \rtlch\fcs1 \af0\afs22 \ltrch\fcs0 \fs22\insrsid11283266\charrsid13642871 \hich\af0\dbch\af0\loch\f0 -\tab}\'ce\'ce\'ce \'ab\'c4\'e0\'eb\'fc\'ed\'e5\'e2\'ee\'f1\'f2\'ee\'f7\'ed\'e0\'ff \'f2\'f0\'e0\'ed\'f1\'ef\'ee\'f0\'f2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f \'ea</w:t>
      </w:r>
      <w:r w:rsidRPr="005A1F79">
        <w:rPr>
          <w:rFonts w:ascii="Courier New" w:hAnsi="Courier New" w:cs="Courier New"/>
        </w:rPr>
        <w:t>\'ee\'ec\'ef\'e0\'ed\'e8\'ff\'bb (\'c8\'cd\'cd 253708931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11283266\charrsid13642871 \hich\af0\dbch\af0\loch\f0 -\tab}\'ce\'ce\'ce \'ab\'d2\'e8\'f5\'ee\'ee\'ea\'e5\'e0\'ed\</w:t>
      </w:r>
      <w:r w:rsidRPr="005A1F79">
        <w:rPr>
          <w:rFonts w:ascii="Courier New" w:hAnsi="Courier New" w:cs="Courier New"/>
        </w:rPr>
        <w:t>'f1\'ea\'e8\'e9 \'e1\'e0\'eb\'ea\'e5\'f0\'ed\'fb\'e9 \'f2\'e5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8\'ed\'e0\'eb\'bb (\'c8\'cd\'cd 2537131611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11283266\charrsid13642871 \hich\af0\dbch\af0\loch\f0 -</w:t>
      </w:r>
      <w:r w:rsidRPr="005A1F79">
        <w:rPr>
          <w:rFonts w:ascii="Courier New" w:hAnsi="Courier New" w:cs="Courier New"/>
        </w:rPr>
        <w:t>\tab}\'ce\'ce\'ce \'ab\'d2\'e5\'f0\'ec\'e8\'ed\'e0\'eb \'c0\'f1\'f2\'e0\'f4\'fc\'e5\'e2\'e0\'bb (\'c8\'cd\'cd 2508129784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11283266\charrsid13642871 \hich\af0\dbch\af0\loc</w:t>
      </w:r>
      <w:r w:rsidRPr="005A1F79">
        <w:rPr>
          <w:rFonts w:ascii="Courier New" w:hAnsi="Courier New" w:cs="Courier New"/>
        </w:rPr>
        <w:t>h\f0 -\tab}\'ce\'ce\'ce \'ab\'c1\'e5\'f0\'e5\'e3\'e0 \'cf\'f0\'e8\'ec\'ee\'f0\'fc\'ff\'bb (\'c8\'cd\'cd 2537082386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11283266\charrsid13642871 \hich\af0\dbch\af0\loch\f0 -\t</w:t>
      </w:r>
      <w:r w:rsidRPr="005A1F79">
        <w:rPr>
          <w:rFonts w:ascii="Courier New" w:hAnsi="Courier New" w:cs="Courier New"/>
        </w:rPr>
        <w:t>ab}\'ce\'ce\'ce \'ab\'c0\'ea\'e2\'e0\'e8\'ed\'e4\'f3\'f1\'f2\'f0\'e8\'ff\'bb (\'c8\'cd\'cd 2537067613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11283266\charrsid13642871 \hich\af0\dbch\af0\loch\f0 -\tab}\'ca\'ee\'</w:t>
      </w:r>
      <w:r w:rsidRPr="005A1F79">
        <w:rPr>
          <w:rFonts w:ascii="Courier New" w:hAnsi="Courier New" w:cs="Courier New"/>
        </w:rPr>
        <w:t xml:space="preserve">ed\'e4\'f0\'e0\'f2\'ee\'e2 \'d0\'f3\'f1\'eb\'e0\'ed \'c2\'e8\'ea\'f2\'ee\'f0\'ee\'e2\'e8\'f7;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4\qj \li0\ri0\nowidctlpar\wrapdefault\faauto\rin0\lin0\itap0\pararsid11283266 \rtlch\fcs1 \af1\afs24\alang1025 \ltrch\fcs0 \f1\fs24\</w:t>
      </w:r>
      <w:r w:rsidRPr="005A1F79">
        <w:rPr>
          <w:rFonts w:ascii="Courier New" w:hAnsi="Courier New" w:cs="Courier New"/>
        </w:rPr>
        <w:t xml:space="preserve">cf1\lang1049\langfe1049\cgrid\langnp1049\langfenp1049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cf0\insrsid11283266\charrsid13642871 \'c2\'e8\'e4 \'ee\'f2\'e2\'e5\'f2\'f1\'f2\'e2\'e5\'ed\'ed\'ee\'f1\'f2\'e8 \'ef\'ee\'f0\'f3\'f7\'e8\'f2\'e5\'eb\'ff: \'</w:t>
      </w:r>
      <w:r w:rsidRPr="005A1F79">
        <w:rPr>
          <w:rFonts w:ascii="Courier New" w:hAnsi="Courier New" w:cs="Courier New"/>
        </w:rPr>
        <w:t xml:space="preserve">f1\'ee\'eb\'e8\'e4\'e0\'f0\'ed\'e0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0\'e0\'e7\'ec\'e5\'f0 \'ee\'f2\'e2\'e5\'f2\'f1\'f2\'e2\'e5\'ed\'ed\'ee\'f1\'f2\'e8 \'ef\'ee\'f0\'f3\'f7\'e8\'f2\'e5\'eb\'ff: \'ed\'e0 \'e2\'f1\'fe \'f1\'f3\'ec\'ec\'f3 \'ee\'e1\'ff\'e7\'e0\'f2\'e5\'eb\'fc\'f</w:t>
      </w:r>
      <w:r w:rsidRPr="005A1F79">
        <w:rPr>
          <w:rFonts w:ascii="Courier New" w:hAnsi="Courier New" w:cs="Courier New"/>
        </w:rPr>
        <w:t>1\'f2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aspalpha\aspnum\faauto\adjustright\rin0\lin0\itap0\pararsid11283266 \rtlch\fcs1 \af0\afs20\alang1025 \ltrch\fcs0 \fs20\lang1049\langfe1049\cgrid\langnp1049\langfenp1049 {\rtlch\fcs1 \a</w:t>
      </w:r>
      <w:r w:rsidRPr="005A1F79">
        <w:rPr>
          <w:rFonts w:ascii="Courier New" w:hAnsi="Courier New" w:cs="Courier New"/>
        </w:rPr>
        <w:t xml:space="preserve">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1283266\charrsid13642871 \'e7\'e0\'eb\'ee\'e3: \'e7\'e0\'eb\'ee\'e3 \'e4\'e2\'e8\'e6\'e8\'ec\'ee\'e3\'ee/ \'e8\'ec\'f3\'f9\'e5\'f1\'f2\'e2\'e0, \'ef\'f0\'e8\'ed\'e0\'e4\'eb\'e5\'e6\'e0\'f9\'e5\'e3\'ee \'ce\'ce\'ce \'ab\</w:t>
      </w:r>
      <w:r w:rsidRPr="005A1F79">
        <w:rPr>
          <w:rFonts w:ascii="Courier New" w:hAnsi="Courier New" w:cs="Courier New"/>
        </w:rPr>
        <w:t>'c4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fc\'d0\'fb\'e1\'cf\'ee\'f0\'f2\'bb (\'c8\'cd\'cd 2537047582); \'e7\'e0\'eb\'ee\'e3 \'ed\'e5\'e4\'e2\'e8\'e6\'e8\'ec\'ee\'e3\'ee \'e8\'ec\'f3\'f9\'e5\'f1\'f2\'e2\'e0, \'ef\'f0\'e8\'ed\'e0\'e4\'eb\'e5\'e6\'e0\'f9\'e5\'e3\'ee \'ce\'ce\'ce \'ab\</w:t>
      </w:r>
      <w:r w:rsidRPr="005A1F79">
        <w:rPr>
          <w:rFonts w:ascii="Courier New" w:hAnsi="Courier New" w:cs="Courier New"/>
        </w:rPr>
        <w:t>'c1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5\'e3\'e0 \'cf\'f0\'e8\'ec\'ee\'f0\'fc\'ff\'bb (\'c8\'cd\'cd 2537082386)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qc\tx4677\tqr\tx9355\wrapdefault\aspalpha\aspnum\faauto\adjustright\rin0\lin0\itap0\pararsid11283266 {\rtlch\fcs1 \ab\af0\</w:t>
      </w:r>
      <w:r w:rsidRPr="005A1F79">
        <w:rPr>
          <w:rFonts w:ascii="Courier New" w:hAnsi="Courier New" w:cs="Courier New"/>
        </w:rPr>
        <w:t>afs22 \ltrch\fcs0 \b\fs22\expnd4\expndtw20\insrsid11283266\charrsid13642871 \'cf\'f0\'ee\'f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5\'ed\'f2\'ed\'e0\'ff \'f1\'f2\'e0\'e2\'ea\'e0:}{\rtlch\fcs1 \ab\af0\afs22 \ltrch\fcs0 \fs22\expnd4\expndtw20\insrsid11283266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</w:t>
      </w:r>
      <w:r w:rsidRPr="005A1F79">
        <w:rPr>
          <w:rFonts w:ascii="Courier New" w:hAnsi="Courier New" w:cs="Courier New"/>
        </w:rPr>
        <w:t xml:space="preserve">lain \ltrpar\s51\qj \li0\ri0\sb20\sa20\widctlpar\wrapdefault\aspalpha\aspnum\faauto\adjustright\rin0\lin0\itap0\pararsid11283266 \rtlch\fcs1 \af0\afs24\alang1025 \ltrch\fcs0 \f1\fs20\lang1033\langfe1049\cgrid\langnp1033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</w:t>
      </w:r>
      <w:r w:rsidRPr="005A1F79">
        <w:rPr>
          <w:rFonts w:ascii="Courier New" w:hAnsi="Courier New" w:cs="Courier New"/>
        </w:rPr>
        <w:t xml:space="preserve">22 \ltrch\fcs0 \f0\fs22\lang1049\langfe1049\langnp1049\insrsid11283266\charrsid13642871 1)  7,75 % \'e3\'ee\'e4\'ee\'e2\'fb\'f5 \endash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lang1049\langfe1033\langnp1049\langfenp1033\insrsid11283266\charrsid1364</w:t>
      </w:r>
      <w:r w:rsidRPr="005A1F79">
        <w:rPr>
          <w:rFonts w:ascii="Courier New" w:hAnsi="Courier New" w:cs="Courier New"/>
        </w:rPr>
        <w:t xml:space="preserve">2871 \endash  \'cb\'fc\'e3\'ee\'f2\'ed\'e0\'ff \'f1\'f2\'e0\'e2\'ea\'e0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lang1049\langfe1049\langnp1049\insrsid11283266\charrsid13642871 \'ea\'f0\'e5\'e4\'e8\'f2\'ee\'e2\'e0\'ed\'e8\'ff (\'cb\'d1\'f2), \'ef\'f</w:t>
      </w:r>
      <w:r w:rsidRPr="005A1F79">
        <w:rPr>
          <w:rFonts w:ascii="Courier New" w:hAnsi="Courier New" w:cs="Courier New"/>
        </w:rPr>
        <w:t>0\'e8 \'f3\'f1\'eb\'ee\'e2\'e8\'e8 \'f1\'ee\'e3\'eb\'e0\'f1\'ee\'e2\'e0\'ed\'e8\'ff \'d3\'ef\'ee\'eb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e\'f7\'e5\'ed\'ed\'fb\'ec \'eb\'e8\'f6\'ee\'ec \'c1\'e0\'ed\'ea\'e0 \'c2\'d2\'c1 (\'cf\'c0\'ce)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</w:t>
      </w:r>
      <w:r w:rsidRPr="005A1F79">
        <w:rPr>
          <w:rFonts w:ascii="Courier New" w:hAnsi="Courier New" w:cs="Courier New"/>
        </w:rPr>
        <w:t xml:space="preserve">ctlpar\wrapdefault\aspalpha\aspnum\faauto\adjustright\rin0\lin0\itap0\pararsid11283266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1283266\charrsid</w:t>
      </w:r>
      <w:r w:rsidRPr="005A1F79">
        <w:rPr>
          <w:rFonts w:ascii="Courier New" w:hAnsi="Courier New" w:cs="Courier New"/>
        </w:rPr>
        <w:t>13642871 2) \'c1\'e0\'ed\'ea \'e2\'ef\'f0\'e0\'e2\'e5 \'e2 \'ee\'e4\'ed\'ee\'f1\'f2\'ee\'f0\'ee\'ed\'ed\'e5\'ec \'ef\'ee\'f0\'ff\'e4\'ea\'e5 \'f3\'e2\'e5\'eb\'e8\'f7\'e8\'f2\'fc \'f0\'e0\'e7\'ec\'e5\'f0 \'c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3\'ee\'f2\'ed\'ee\'e9 \'f1\'f2\'e0\'e2\'</w:t>
      </w:r>
      <w:r w:rsidRPr="005A1F79">
        <w:rPr>
          <w:rFonts w:ascii="Courier New" w:hAnsi="Courier New" w:cs="Courier New"/>
        </w:rPr>
        <w:t>ea\'e8 \'ea\'f0\'e5\'e4\'e8\'f2\'ee\'e2\'e0\'ed\'e8\'ff \'e4\'ee \'f3\'f0\'ee\'e2\'ed\'ff \'e4\'ee 10,5% \'e3\'ee\'e4\'ee\'e2\'fb\'f5, \'e2 \'f1\'eb\'f3\'f7\'e0\'e5 \'e2\'fb\'ff\'e2\'eb\'e5\'ed\'e8\'ff \'ee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e3\'ee \'e8\'eb\'e8 \'ed\'e5\'f1\'</w:t>
      </w:r>
      <w:r w:rsidRPr="005A1F79">
        <w:rPr>
          <w:rFonts w:ascii="Courier New" w:hAnsi="Courier New" w:cs="Courier New"/>
        </w:rPr>
        <w:t>ea\'ee\'eb\'fc\'ea\'e8\'f5 \'e8\'e7 \'f1\'eb\'e5\'e4\'f3\'fe\'f9\'e8\'f5 \'ee\'f1\'ed\'ee\'e2\'e0\'ed\'e8\'e9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1\qj \li0\ri0\widctlpar\tx426\wrapdefault\aspalpha\aspnum\faauto\adjustright\rin0\lin0\itap0\pararsid11283266</w:t>
      </w:r>
      <w:r w:rsidRPr="005A1F79">
        <w:rPr>
          <w:rFonts w:ascii="Courier New" w:hAnsi="Courier New" w:cs="Courier New"/>
        </w:rPr>
        <w:t xml:space="preserve"> \rtlch\fcs1 \af0\afs24\alang1025 \ltrch\fcs0 \f1\fs20\lang1033\langfe1049\cgrid\langnp1033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0\fs22\lang1049\langfe1033\langnp1049\langfenp1033\insrsid11283266\charrsid13642871 1. \'e2\'fb\'ff\'e2\'eb\'e5</w:t>
      </w:r>
      <w:r w:rsidRPr="005A1F79">
        <w:rPr>
          <w:rFonts w:ascii="Courier New" w:hAnsi="Courier New" w:cs="Courier New"/>
        </w:rPr>
        <w:t>\'ed\'e8\'e5 \'f4\'e0\'ea\'f2\'e0 \'ed\'e5\'f6\'e5\'eb\'e5\'e2\'ee\'e3\'ee \'e8\'f1\'ef\'ee\'eb\'fc\'e7\'ee\'e2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f \'e7\'e0\'e5\'ec\'f9\'e8\'ea\'ee\'ec \'ea\'f0\'e5\'e4\'e8\'f2\'e0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2. \'e2\'fb\'ff\'e2\'eb\'e5\'ed\'e8\'e5 \'f4\'e0\'ea\</w:t>
      </w:r>
      <w:r w:rsidRPr="005A1F79">
        <w:rPr>
          <w:rFonts w:ascii="Courier New" w:hAnsi="Courier New" w:cs="Courier New"/>
        </w:rPr>
        <w:t>'f2\'e0 \'ed\'e5\'f1\'ee\'ee\'f2\'e2\'e5\'f2\'f1\'f2\'e2\'e8\'ff \'e7\'e0\'e5\'ec\'f9\'e8\'ea\'e0 \'ed\'e0 \'e4\'e5\'ed\'fc \'e7\'e0\'ea\'eb\'fe\'f7\'e5\'ed\'e8\'ff \'ea\'f0\'e5\'e4\'e8\'f2\'ed\'e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 \'f1\'ee\'e3\'eb\'e0\'f8\'e5\'ed\'e8\'ff \'ee\'e</w:t>
      </w:r>
      <w:r w:rsidRPr="005A1F79">
        <w:rPr>
          <w:rFonts w:ascii="Courier New" w:hAnsi="Courier New" w:cs="Courier New"/>
        </w:rPr>
        <w:t>4\'ed\'ee\'ec\'f3 \'e8\'eb\'e8 \'ed\'e5\'f1\'ea\'ee\'eb\'fc\'ea\'e8\'ec \'f2\'f0\'e5\'e1\'ee\'e2\'e0\'ed\'e8\'ff\'ec, \'e8\'e7\'eb\'ee\'e6\'e5\'ed\'ed\'fb\'ec \'e2 \'ef. 20 \'cf\'f0\'ee\'e3\'f0\'e0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fb 176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3. }{\rtlch\fcs1 \af0\afs22 \ltr</w:t>
      </w:r>
      <w:r w:rsidRPr="005A1F79">
        <w:rPr>
          <w:rFonts w:ascii="Courier New" w:hAnsi="Courier New" w:cs="Courier New"/>
        </w:rPr>
        <w:t>ch\fcs0 \f0\fs22\lang1049\langfe1049\langnp1049\insrsid11283266\charrsid13642871 \'ef\'f0\'e5\'ea\'f0\'e0\'f9\'e5\'ed\'e8\'e5 \'e4\'e5\'e9\'f1\'f2\'e2\'e8\'ff \'cf\'f0\'ee\'e3\'f0\'e0\'ec\'ec\'fb 1764 / \'ee\'f2\'ec\'e5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cf\'ee\'f1\'f2\'e0\'ed\'</w:t>
      </w:r>
      <w:r w:rsidRPr="005A1F79">
        <w:rPr>
          <w:rFonts w:ascii="Courier New" w:hAnsi="Courier New" w:cs="Courier New"/>
        </w:rPr>
        <w:t>ee\'e2\'eb\'e5\'ed\'e8\'ff \'cf\'f0\'e0\'e2\'e8\'f2\'e5\'eb\'fc\'f1\'f2\'e2\'e0 \'d0\'ee\'f1\'f1\'e8\'e9\'f1\'ea\'ee\'e9 \'d4\'e5\'e4\'e5\'f0\'e0\'f6\'e8\'e8 \'ee\'f2 30.12.2018 \'b91764 \'ab\'ce\'e1 \'f3\'f2\'e2\'e5\'f0\'e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5\'ed\'e8\'e8 \'cf\'f0\</w:t>
      </w:r>
      <w:r w:rsidRPr="005A1F79">
        <w:rPr>
          <w:rFonts w:ascii="Courier New" w:hAnsi="Courier New" w:cs="Courier New"/>
        </w:rPr>
        <w:t>'e0\'e2\'e8\'eb \'ef\'f0\'e5\'e4\'ee\'f1\'f2\'e0\'e2\'eb\'e5\'ed\'e8\'ff \'f1\'f3\'e1\'f1\'e8\'e4\'e8\'e9 \'e8\'e7 \'f4\'e5\'e4\'e5\'f0\'e0\'eb\'fc\'ed\'ee\'e3\'ee \'e1\'fe\'e4\'e6\'e5\'f2\'e0 \'f0\'ee\'f1\'f1\'e8\'e9\'f1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c \'ea\'f0\'e5\'e4\'e8</w:t>
      </w:r>
      <w:r w:rsidRPr="005A1F79">
        <w:rPr>
          <w:rFonts w:ascii="Courier New" w:hAnsi="Courier New" w:cs="Courier New"/>
        </w:rPr>
        <w:t>\'f2\'ed\'fb\'ec \'ee\'f0\'e3\'e0\'ed\'e8\'e7\'e0\'f6\'e8\'ff\'ec \'e8 \'f1\'ef\'e5\'f6\'e8\'e0\'eb\'e8\'e7\'e8\'f0\'ee\'e2\'e0\'ed\'ed\'fb\'ec \'f4\'e8\'ed\'e0\'ed\'f1\'ee\'e2\'fb\'ec \'ee\'e1\'f9\'e5\'f1\'f2\'e2\'e0\'ec 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e2\'ee\'e7\'ec\'e5\'f</w:t>
      </w:r>
      <w:r w:rsidRPr="005A1F79">
        <w:rPr>
          <w:rFonts w:ascii="Courier New" w:hAnsi="Courier New" w:cs="Courier New"/>
        </w:rPr>
        <w:t>9\'e5\'ed\'e8\'e5 \'ed\'e5\'e4\'ee\'ef\'ee\'eb\'f3\'f7\'e5\'ed\'ed\'fb\'f5 \'e8\'ec\'e8 \'e4\'ee\'f5\'ee\'e4\'ee\'e2 \'ef\'ee \'ea\'f0\'e5\'e4\'e8\'f2\'e0\'ec, \'e2\'fb\'e4\'e0\'ed\'ed\'fb\'ec \'e2 2019 - 2024 \'e3\'ee\'e4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5 \'f1\'f3\'e1\'fa\'e5\'e</w:t>
      </w:r>
      <w:r w:rsidRPr="005A1F79">
        <w:rPr>
          <w:rFonts w:ascii="Courier New" w:hAnsi="Courier New" w:cs="Courier New"/>
        </w:rPr>
        <w:t>a\'f2\'e0\'ec \'ec\'e0\'eb\'ee\'e3\'ee \'e8 \'f1\'f0\'e5\'e4\'ed\'e5\'e3\'ee \'ef\'f0\'e5\'e4\'ef\'f0\'e8\'ed\'e8\'ec\'e0\'f2\'e5\'eb\'fc\'f1\'f2\'e2\'e0, \'e0 \'f2\'e0\'ea\'e6\'e5 \'f4\'e8\'e7\'e8\'f7\'e5\'f1\'ea\'e8\'ec 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6\'e0\'ec, \'ef\'f0\'</w:t>
      </w:r>
      <w:r w:rsidRPr="005A1F79">
        <w:rPr>
          <w:rFonts w:ascii="Courier New" w:hAnsi="Courier New" w:cs="Courier New"/>
        </w:rPr>
        <w:t>e8\'ec\'e5\'ed\'ff\'fe\'f9\'e8\'ec \'f1\'ef\'e5\'f6\'e8\'e0\'eb\'fc\'ed\'fb\'e9 \'ed\'e0\'eb\'ee\'e3\'ee\'e2\'fb\'e9 \'f0\'e5\'e6\'e8\'ec \'ab\'cd\'e0\'eb\'ee\'e3 \'ed\'e0 \'ef\'f0\'ee\'f4\'e5\'f1\'f1\'e8\'ee\'ed\'e0\'e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fb\'e9 \'e4\'ee\'f5\'ee\</w:t>
      </w:r>
      <w:r w:rsidRPr="005A1F79">
        <w:rPr>
          <w:rFonts w:ascii="Courier New" w:hAnsi="Courier New" w:cs="Courier New"/>
        </w:rPr>
        <w:t>'e4\'bb, \'ef\'ee \'eb\'fc\'e3\'ee\'f2\'ed\'ee\'e9 \'f1\'f2\'e0\'e2\'ea\'e5\'bb (\'f1 \'f3\'f7\'e5\'f2\'ee\'ec \'e8\'e7\'ec\'e5\'ed\'e5\'ed\'e8\'e9 \'e8 \'e4\'ee\'ef\'ee\'eb\'ed\'e5\'ed\'e8\'e9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0\fs22\lang1049</w:t>
      </w:r>
      <w:r w:rsidRPr="005A1F79">
        <w:rPr>
          <w:rFonts w:ascii="Courier New" w:hAnsi="Courier New" w:cs="Courier New"/>
        </w:rPr>
        <w:t>\langfe1033\langnp1049\langfenp1033\insrsid11283266\charrsid13642871 4. \'ef\'ee\'eb\'f3\'f7\'e5\'ed\'e8\'e5 \'c1\'e0\'ed\'ea\'ee\'ec \'ee\'f4\'e8\'f6\'e8\'e0\'eb\'fc\'ed\'ee\'e3\'ee \'ef\'e8\'f1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0 \'cc\'e8\'ed\'e8\'f1\'f2\'e5\'f0\'f1\'f2\'e2\'</w:t>
      </w:r>
      <w:r w:rsidRPr="005A1F79">
        <w:rPr>
          <w:rFonts w:ascii="Courier New" w:hAnsi="Courier New" w:cs="Courier New"/>
        </w:rPr>
        <w:t>e0 \'f4\'e8\'ed\'e0\'ed\'f1\'ee\'e2 \'d0\'ee\'f1\'f1\'e8\'e9\'f1\'ea\'ee\'e9 \'d4\'e5\'e4\'e5\'f0\'e0\'f6\'e8\'e8/\'cc\'e8\'ed\'fd\'ea\'ee\'ed\'ee\'ec\'f0\'e0\'e7\'e2\'e8\'f2\'e8\'ff \'d0\'ee\'f1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8 \'ee\'e1 \'ee\'f2\'f1\'f3\'f2\'f1\'f2\'e2\'e8\</w:t>
      </w:r>
      <w:r w:rsidRPr="005A1F79">
        <w:rPr>
          <w:rFonts w:ascii="Courier New" w:hAnsi="Courier New" w:cs="Courier New"/>
        </w:rPr>
        <w:t>'e8 \'e1\'fe\'e4\'e6\'e5\'f2\'ed\'fb\'f5 \'e0\'f1\'f1\'e8\'e3\'ed\'ee\'e2\'e0\'ed\'e8\'e9 \'e8 \'eb\'e8\'ec\'e8\'f2\'ee\'e2 \'e1\'fe\'e4\'e6\'e5\'f2\'ed\'fb\'f5 \'ee\'e1\'ff\'e7\'e0\'f2\'e5\'e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2\'e2, \'ed\'e0 \'f6\'e5\'eb\'e8, \'ef\'f0\'e5\'e4</w:t>
      </w:r>
      <w:r w:rsidRPr="005A1F79">
        <w:rPr>
          <w:rFonts w:ascii="Courier New" w:hAnsi="Courier New" w:cs="Courier New"/>
        </w:rPr>
        <w:t>\'f3\'f1\'ec\'ee\'f2\'f0\'e5\'ed\'ed\'fb\'e5 }{\rtlch\fcs1 \af0\afs22 \ltrch\fcs0 \f0\fs22\lang1049\langfe1049\langnp1049\insrsid11283266\charrsid13642871 \'cf\'f0\'ee\'e3\'f0\'e0\'ec\'ec\'ee\'e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1764}{\rtlch\fcs1 \af0\afs22 \ltrch\fcs0 \f0\fs22\lang1049</w:t>
      </w:r>
      <w:r w:rsidRPr="005A1F79">
        <w:rPr>
          <w:rFonts w:ascii="Courier New" w:hAnsi="Courier New" w:cs="Courier New"/>
        </w:rPr>
        <w:t>\langfe1033\langnp1049\langfenp1033\insrsid11283266\charrsid13642871 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5. \'ef\'ee\'eb\'f3\'f7\'e5\'ed\'e8\'e5 \'c1\'e0\'ed\'ea\'ee\'ec \'ee\'f2 \'cc\'e8\'ed\'fd\'ea\'ee\'ed\'ee\'ec\'f0\'e0\'e7\'e2\'e8\'f2\'e8\'ff \'d0\'ee\'f1\'f1\'e8\'e8 \'f3\'e2\'e</w:t>
      </w:r>
      <w:r w:rsidRPr="005A1F79">
        <w:rPr>
          <w:rFonts w:ascii="Courier New" w:hAnsi="Courier New" w:cs="Courier New"/>
        </w:rPr>
        <w:t xml:space="preserve">5\'e4\'ee\'ec\'eb\'e5\'ed\'e8\'ff \'ee\'e1 \'ee\'f2\'ea\'e0\'e7\'e5 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5\'e4\'ee\'f1\'f2\'e0\'e2\'eb\'e5\'ed\'e8\'e8 \'d1\'f3\'e1\'f1\'e8\'e4\'e8\'e8 }{\rtlch\fcs1 \af0\afs22 \ltrch\fcs0 \f0\fs22\lang1049\langfe1033\cgrid0\langnp1049\langfen</w:t>
      </w:r>
      <w:r w:rsidRPr="005A1F79">
        <w:rPr>
          <w:rFonts w:ascii="Courier New" w:hAnsi="Courier New" w:cs="Courier New"/>
        </w:rPr>
        <w:t>p1033\insrsid11283266\charrsid13642871 \'e8/\'e8\'eb\'e8 \'ed\'e5\'e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f3\'f7\'e5\'ed\'e8\'e5 \'c1\'e0\'ed\'ea\'ee\'ec \'f1\'f3\'e1\'f1\'e8\'e4\'e8\'e9 \'e2\'ee\'e7\'ec\'e5\'f9\'e5\'ed\'e8\'ff \'ed\'e5\'e4\'ee\'ef\'ee\'eb\'f3\'f7\'e5\'ed\'ed\'fb\</w:t>
      </w:r>
      <w:r w:rsidRPr="005A1F79">
        <w:rPr>
          <w:rFonts w:ascii="Courier New" w:hAnsi="Courier New" w:cs="Courier New"/>
        </w:rPr>
        <w:t>'f5 \'c1\'e0\'ed\'ea\'ee\'ec \'e4\'ee\'f5\'ee\'e4\'ee\'e2 \'ef\'ee 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5\'e4\'e8\'f2\'ed\'ee\'ec\'f3 \'f1\'ee\'e3\'eb\'e0\'f8\'e5\'ed\'e8\'fe \'f1 }{\rtlch\fcs1 \af0\afs22 \ltrch\fcs0 \f0\fs22\lang1049\langfe1033\langnp1049\langfenp1033\insrsid112</w:t>
      </w:r>
      <w:r w:rsidRPr="005A1F79">
        <w:rPr>
          <w:rFonts w:ascii="Courier New" w:hAnsi="Courier New" w:cs="Courier New"/>
        </w:rPr>
        <w:t>83266\charrsid13642871 \'e7\'e0\'e5\'ec\'f9\'e8\'ea\'ee\'ec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0\fs22\lang1049\langfe1033\cgrid0\langnp1049\langfenp1033\insrsid11283266\charrsid13642871 6. \'ed\'e0\'f1\'f2\'f3\'ef\'eb\'e5\'ed\'e8\'e5 \'e8\'ed\'f</w:t>
      </w:r>
      <w:r w:rsidRPr="005A1F79">
        <w:rPr>
          <w:rFonts w:ascii="Courier New" w:hAnsi="Courier New" w:cs="Courier New"/>
        </w:rPr>
        <w:t>b\'f5 \'ee\'e1\'f1\'f2\'ee\'ff\'f2\'e5\'eb\'fc\'f1\'f2\'e2, 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a\'f3\'f9\'e8\'f5 \'ef\'f0\'e5\'ea\'f0\'e0\'f9\'e5\'ed\'e8\'e5 \'f1\'f3\'e1\'f1\'e8\'e4\'e8\'f0\'ee\'e2\'e0\'ed\'e8\'ff \'ef\'ee \'ca\'f0\'e5\'e4\'e8\'f2\'ed\'ee\'ec\'f3 \'f1\'ee\</w:t>
      </w:r>
      <w:r w:rsidRPr="005A1F79">
        <w:rPr>
          <w:rFonts w:ascii="Courier New" w:hAnsi="Courier New" w:cs="Courier New"/>
        </w:rPr>
        <w:t>'e3\'eb\'e0\'f8\'e5\'ed\'e8\'fe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7. \'e8\'ed\'fb\'f5 \'f1\'eb\'f3\'f7\'e0\'ff\'f5, \'ef\'f0\'e5\'e4\'f3\'f1\'ec\'ee\'f2\'f0\'e5\'ed\'ed\'fb\'f5 \'ca\'f0\'e5\'e4\'e8\'f2\'ed\'fb\'ec \'f1\'ee\'e3\'eb\'e0\'f8\'e5\'ed\'e8\'e5\'ec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</w:t>
      </w:r>
      <w:r w:rsidRPr="005A1F79">
        <w:rPr>
          <w:rFonts w:ascii="Courier New" w:hAnsi="Courier New" w:cs="Courier New"/>
        </w:rPr>
        <w:t xml:space="preserve">par\s30\qj \fi567\li0\ri0\widctlpar\wrapdefault\aspalpha\aspnum\faauto\adjustright\rin0\lin0\itap0\pararsid11283266 \rtlch\fcs1 \af0\afs20\alang1025 \ltrch\fcs0 \fs22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</w:t>
      </w:r>
      <w:r w:rsidRPr="005A1F79">
        <w:rPr>
          <w:rFonts w:ascii="Courier New" w:hAnsi="Courier New" w:cs="Courier New"/>
        </w:rPr>
        <w:t>insrsid11283266\charrsid13642871 \'cf\'f0\'e8 \'f3\'e2\'e5\'eb\'e8\'f7\'e5\'ed\'e8\'e8 \'c1\'e0\'ed\'ea\'ee\'ec \'f0\'e0\'e7\'ec\'e5\'f0\'e0 \'ef\'f0\'ee\'f6\'e5\'ed\'f2\'ed\'ee\'e9 \'f1\'f2\'e0\'e2\'ea\'e8 \'e2 \'ee\'e4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2\'ee\'f0\'ee\'ed\'</w:t>
      </w:r>
      <w:r w:rsidRPr="005A1F79">
        <w:rPr>
          <w:rFonts w:ascii="Courier New" w:hAnsi="Courier New" w:cs="Courier New"/>
        </w:rPr>
        <w:t>ed\'e5\'ec \'ef\'ee\'f0\'ff\'e4\'ea\'e5 \'e2 \'f1\'ee\'ee\'f2\'e2\'e5\'f2\'f1\'f2\'e2\'e8\'e8 \'f1 \'ca\'f0\'e5\'e4\'e8\'f2\'ed\'fb\'ec \'f1\'ee\'e3\'eb\'e0\'f8\'e5\'ed\'e8\'e5\'ec \'ca\'f0\'e5\'e4\'e8\'f2\'ee\'f0 \'ed\'e0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0\'e2\'eb\'ff\'e5\'f2</w:t>
      </w:r>
      <w:r w:rsidRPr="005A1F79">
        <w:rPr>
          <w:rFonts w:ascii="Courier New" w:hAnsi="Courier New" w:cs="Courier New"/>
        </w:rPr>
        <w:t xml:space="preserve"> \'c7\'e0\'e5\'ec\'f9\'e8\'ea\'f3 \'ef\'e8\'f1\'fc\'ec\'e5\'ed\'ed\'ee\'e5 \'f3\'e2\'e5\'e4\'ee\'ec\'eb\'e5\'ed\'e8\'e5 (\'e2 \'ef\'f0\'ee\'e8\'e7\'e2\'ee\'eb\'fc\'ed\'ee\'e9 \'f4\'ee\'f0\'ec\'e5) \'ee\'e1 \'f3\'e2\'e5\'eb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7\'e5\'ed\'e8\'e8 \'ef\'f</w:t>
      </w:r>
      <w:r w:rsidRPr="005A1F79">
        <w:rPr>
          <w:rFonts w:ascii="Courier New" w:hAnsi="Courier New" w:cs="Courier New"/>
        </w:rPr>
        <w:t xml:space="preserve">0\'ee\'f6\'e5\'ed\'f2\'ed\'ee\'e9 \'f1\'f2\'e0\'e2\'ea\'e8 \'f1 \'ed\'e0\'f0\'ee\'f7\'ed\'fb\'ec \'e8\'eb\'e8 \'e7\'e0\'ea\'e0\'e7\'ed\'fb\'ec \'ef\'ee\'f7\'f2\'ee\'e2\'fb\'ec \'ee\'f2\'ef\'f0\'e0\'e2\'eb\'e5\'ed\'e8\'e5\'ec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 \'ee\'ef\'e8\'f1\'fc\'fe</w:t>
      </w:r>
      <w:r w:rsidRPr="005A1F79">
        <w:rPr>
          <w:rFonts w:ascii="Courier New" w:hAnsi="Courier New" w:cs="Courier New"/>
        </w:rPr>
        <w:t xml:space="preserve"> \'e2\'eb\'ee\'e6\'e5\'ed\'e8\'ff \'e8\~\'f3\'e2\'e5\'e4\'ee\'ec\'eb\'e5\'ed\'e8\'e5\'ec \'ee \'e2\'f0\'f3\'f7\'e5\'ed\'e8\'e8, \'e8\'eb\'e8 \'f1 \'e8\'f1\'ef\'ee\'eb\'fc\'e7\'ee\'e2\'e0\'ed\'e8\'e5\'ec \'d1\'e8\'f1\'f2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fb \'c4\'e8\'f1\'f2\'e0\'</w:t>
      </w:r>
      <w:r w:rsidRPr="005A1F79">
        <w:rPr>
          <w:rFonts w:ascii="Courier New" w:hAnsi="Courier New" w:cs="Courier New"/>
        </w:rPr>
        <w:t>ed\'f6\'e8\'ee\'ed\'ed\'ee\'e3\'ee \'e1\'e0\'ed\'ea\'ee\'e2\'f1\'ea\'ee\'e3\'ee \'ee\'e1\'f1\'eb\'f3\'e6\'e8\'e2\'e0\'ed\'e8\'ff. \'cd\'ee\'e2\'e0\'ff \'ef\'f0\'ee\'f6\'e5\'ed\'f2\'ed\'e0\'ff \'f1\'f2\'e0\'e2\'ea\'e0 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7\'e8\'ed\'e0\'e5\'f2 \'e4</w:t>
      </w:r>
      <w:r w:rsidRPr="005A1F79">
        <w:rPr>
          <w:rFonts w:ascii="Courier New" w:hAnsi="Courier New" w:cs="Courier New"/>
        </w:rPr>
        <w:t>\'e5\'e9\'f1\'f2\'e2\'ee\'e2\'e0\'f2\'fc \'f1 1 (\'cf\'e5\'f0\'e2\'ee\'e3\'ee) \'f7\'e8\'f1\'eb\'e0 \'ec\'e5\'f1\'ff\'f6\'e0, \'f1\'eb\'e5\'e4\'f3\'fe\'f9\'e5\'e3\'ee \'e7\'e0 \'ec\'e5\'f1\'ff\'f6\'e5\'ec, \'e2 \'ea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e\'f0\'ee\'ec \'c7\'e0\'e5\'</w:t>
      </w:r>
      <w:r w:rsidRPr="005A1F79">
        <w:rPr>
          <w:rFonts w:ascii="Courier New" w:hAnsi="Courier New" w:cs="Courier New"/>
        </w:rPr>
        <w:t>ec\'f9\'e8\'ea\'f3 \'e1\'fb\'eb\'ee \'ed\'e0\'ef\'f0\'e0\'e2\'eb\'e5\'ed\'ee \'ef\'e8\'f1\'fc\'ec\'e5\'ed\'ed\'ee\'e5 \'f3\'e2\'e5\'e4\'ee\'ec\'eb\'e5\'ed\'e8\'e5 \'ee\'e1 \'f3\'e2\'e5\'eb\'e8\'f7\'e5\'ed\'e8\'e8 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0\'ee\'f6\'e5\'ed\'f2\'ed\'ee\'e9 </w:t>
      </w:r>
      <w:r w:rsidRPr="005A1F79">
        <w:rPr>
          <w:rFonts w:ascii="Courier New" w:hAnsi="Courier New" w:cs="Courier New"/>
        </w:rPr>
        <w:t>\'f1\'f2\'e0\'e2\'ea\'e8.\~ \'d3\'ea\'e0\'e7\'e0\'ed\'ed\'ee\'e5 \'f3\'e2\'e5\'e4\'ee\'ec\'eb\'e5\'ed\'e8\'e5 \'f1\'f7\'e8\'f2\'e0\'e5\'f2\'f1\'ff \'ed\'e0\'ef\'f0\'e0\'e2\'eb\'e5\'ed\'ed\'fb\'ec \'e2 \'ec\'ee\'ec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f2 \'e2\'f0\'f3\'f7\'e5\'ed\'e8</w:t>
      </w:r>
      <w:r w:rsidRPr="005A1F79">
        <w:rPr>
          <w:rFonts w:ascii="Courier New" w:hAnsi="Courier New" w:cs="Courier New"/>
        </w:rPr>
        <w:t>\'ff \'c7\'e0\'e5\'ec\'f9\'e8\'ea\'f3, \'e5\'f1\'eb\'e8 \'ee\'ed\'ee \'ed\'e0\'ef\'f0\'e0\'e2\'eb\'e5\'ed\'ee \'f1 \'ed\'e0\'f0\'ee\'f7\'ed\'fb\'ec, \'e8\'eb\'e8 \'e2 \'ec\'ee\'ec\'e5\'ed\'f2 \'f1\'e4\'e0\'f7\'e8 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3\'ee \'e2 \'ee\'f0\'e3\'e0\'ed\'e</w:t>
      </w:r>
      <w:r w:rsidRPr="005A1F79">
        <w:rPr>
          <w:rFonts w:ascii="Courier New" w:hAnsi="Courier New" w:cs="Courier New"/>
        </w:rPr>
        <w:t>8\'e7\'e0\'f6\'e8\'fe \'f1\'e2\'ff\'e7\'e8, \'e5\'f1\'eb\'e8 \'ee\'ed\'ee \'ed\'e0\'ef\'f0\'e0\'e2\'eb\'e5\'ed\'ee \'c7\'e0\'e5\'ec\'f9\'e8\'ea\'f3 \'e7\'e0\'ea\'e0\'e7\'ed\'fb\'ec \'ef\'ee\'f7\'f2\'ee\'e2\'fb\'ec 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f\'f0\'e0\'e2\'eb\'e5\'ed\'e8</w:t>
      </w:r>
      <w:r w:rsidRPr="005A1F79">
        <w:rPr>
          <w:rFonts w:ascii="Courier New" w:hAnsi="Courier New" w:cs="Courier New"/>
        </w:rPr>
        <w:t>\'e5\'ec \'f1 \'ee\'ef\'e8\'f1\'fc\'fe \'e2\'eb\'ee\'e6\'e5\'ed\'e8\'ff \'e8 \'f3\'e2\'e5\'e4\'ee\'ec\'eb\'e5\'ed\'e8\'e5\'ec \'ee \'e2\'f0\'f3\'f7\'e5\'ed\'e8\'e8, \'e8\'eb\'e8 \'e2 \'ec\'ee\'ec\'e5\'ed\'f2 \'ef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5\'e4\'e0\'f7\'e8 \'f1\'ee\'ee\</w:t>
      </w:r>
      <w:r w:rsidRPr="005A1F79">
        <w:rPr>
          <w:rFonts w:ascii="Courier New" w:hAnsi="Courier New" w:cs="Courier New"/>
        </w:rPr>
        <w:t>'e1\'f9\'e5\'ed\'e8\'ff \'ef\'ee \'d1\'e8\'f1\'f2\'e5\'ec\'e5 \'c4\'e8\'f1\'f2\'e0\'ed\'f6\'e8\'ee\'ed\'ed\'ee\'e3\'ee \'e1\'e0\'ed\'ea\'ee\'e2\'f1\'ea\'ee\'e3\'ee \'ee\'e1\'f1\'eb\'f3\'e6\'e8\'e2\'e0\'ed\'e8\'ff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fi567\li0</w:t>
      </w:r>
      <w:r w:rsidRPr="005A1F79">
        <w:rPr>
          <w:rFonts w:ascii="Courier New" w:hAnsi="Courier New" w:cs="Courier New"/>
        </w:rPr>
        <w:t xml:space="preserve">\ri0\widctlpar\wrapdefault\aspalpha\aspnum\faauto\adjustright\rin0\lin0\itap0\pararsid11283266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1283266\</w:t>
      </w:r>
      <w:r w:rsidRPr="005A1F79">
        <w:rPr>
          <w:rFonts w:ascii="Courier New" w:hAnsi="Courier New" w:cs="Courier New"/>
        </w:rPr>
        <w:t>charrsid13642871 \'c2 \'f1\'eb\'f3\'f7\'e0\'e5 \'ed\'e0\'ef\'f0\'e0\'e2\'eb\'e5\'ed\'e8\'ff \'ca\'f0\'e5\'e4\'e8\'f2\'ee\'f0\'ee\'ec \'f3\'e2\'e5\'e4\'ee\'ec\'eb\'e5\'ed\'e8\'ff \'ee\'e1 \'f3\'e2\'e5\'eb\'e8\'f7\'e5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8 \'ef\'f0\'ee\'f6\'e5\'ed\'</w:t>
      </w:r>
      <w:r w:rsidRPr="005A1F79">
        <w:rPr>
          <w:rFonts w:ascii="Courier New" w:hAnsi="Courier New" w:cs="Courier New"/>
        </w:rPr>
        <w:t xml:space="preserve">f2\'ed\'ee\'e9 \'f1\'f2\'e0\'e2\'ea\'e8 \'ef\'ee \'ee\'f1\'ed\'ee\'e2\'e0\'ed\'e8\'ff\'ec, \'ef\'f0\'e5\'e4\'f3\'f1\'ec\'ee\'f2\'f0\'e5\'ed\'ed\'fb\'ec \'ed\'e0\'f1\'f2\'ee\'ff\'f9\'e8\'ec \'ef\'f3\'ed\'ea\'f2\'ee\'ec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7\'e0\'e5\'ec\'f9\'e8\'ea \'e4\'</w:t>
      </w:r>
      <w:r w:rsidRPr="005A1F79">
        <w:rPr>
          <w:rFonts w:ascii="Courier New" w:hAnsi="Courier New" w:cs="Courier New"/>
        </w:rPr>
        <w:t>ee \'ed\'e0\'f1\'f2\'f3\'ef\'eb\'e5\'ed\'e8\'ff \'e4\'e0\'f2\'fb \'ed\'e0\'f7\'e0\'eb\'e0 \'e4\'e5\'e9\'f1\'f2\'e2\'e8\'ff \'ed\'ee\'e2\'ee\'e9 \'ef\'f0\'ee\'f6\'e5\'ed\'f2\'ed\'ee\'e9 \'f1\'f2\'e0\'e2\'ea\'e8 \'e2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0\'e2\'e5 \'e4\'ee\'f1\'f0\'e</w:t>
      </w:r>
      <w:r w:rsidRPr="005A1F79">
        <w:rPr>
          <w:rFonts w:ascii="Courier New" w:hAnsi="Courier New" w:cs="Courier New"/>
        </w:rPr>
        <w:t>e\'f7\'ed\'ee \'ef\'ee\'e3\'e0\'f1\'e8\'f2\'fc \'ea\'f0\'e5\'e4\'e8\'f2 \'e1\'e5\'e7 \'f1\'ee\'e3\'eb\'e0\'f1\'ee\'e2\'e0\'ed\'e8\'ff \'f1 \'ca\'f0\'e5\'e4\'e8\'f2\'ee\'f0\'ee\'ec \'e8 \'e1\'e5\'e7 \'f3\'ef\'eb\'e0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b \'ea\'ee\'ec\'e8\'f1\'f1\'e8\'e</w:t>
      </w:r>
      <w:r w:rsidRPr="005A1F79">
        <w:rPr>
          <w:rFonts w:ascii="Courier New" w:hAnsi="Courier New" w:cs="Courier New"/>
        </w:rPr>
        <w:t>8 \'e7\'e0 \'e4\'ee\'f1\'f0\'ee\'f7\'ed\'ee\'e5 \'ef\'ee\'e3\'e0\'f8\'e5\'ed\'e8\'e5 \'e8\'eb\'e8 \'e8\'ed\'fb\'f5 \'e4\'ee\'ef\'ee\'eb\'ed\'e8\'f2\'e5\'eb\'fc\'ed\'fb\'f5 \'ef\'eb\'e0\'f2\'e5\'e6\'e5\'e9, \'f1\'e2\'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0\'ed\'ed\'fb\'f5 \'f1 \'e4\'</w:t>
      </w:r>
      <w:r w:rsidRPr="005A1F79">
        <w:rPr>
          <w:rFonts w:ascii="Courier New" w:hAnsi="Courier New" w:cs="Courier New"/>
        </w:rPr>
        <w:t>ee\'f1\'f0\'ee\'f7\'ed\'fb\'ec \'ef\'ee\'e3\'e0\'f8\'e5\'ed\'e8\'e5\'ec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33 \rtlch\fcs1 \af0\afs22 \ltrch\fcs0 \f3\fs22\insrsid11283266\charrsid13642871 \loch\af3\dbch\af0\hich\f3 \'b7\tab}}\pard\plain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s33\qj </w:t>
      </w:r>
      <w:r w:rsidRPr="005A1F79">
        <w:rPr>
          <w:rFonts w:ascii="Courier New" w:hAnsi="Courier New" w:cs="Courier New"/>
        </w:rPr>
        <w:t xml:space="preserve">\fi567\li0\ri0\widctlpar\wrapdefault\aspalpha\aspnum\faauto\ls46\adjustright\rin0\lin0\itap0\pararsid11283266\contextualspace \rtlch\fcs1 \af0\afs20\alang1025 \ltrch\fcs0 \fs20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</w:t>
      </w:r>
      <w:r w:rsidRPr="005A1F79">
        <w:rPr>
          <w:rFonts w:ascii="Courier New" w:hAnsi="Courier New" w:cs="Courier New"/>
        </w:rPr>
        <w:t>rch\fcs0 \fs22\insrsid11283266\charrsid13642871 \'ca\'f0\'e5\'e4\'e8\'f2\'ee\'f0 \'e2\'ef\'f0\'e0\'e2\'e5 \'e2 \'ee\'e4\'ed\'ee\'f1\'f2\'ee\'f0\'ee\'ed\'ed\'e5\'ec \'ef\'ee\'f0\'ff\'e4\'ea\'e5 \'f3\'e2\'e5\'eb\'e8\'f7\'e8\'f2\'fc \'f0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c\'e5\'f0</w:t>
      </w:r>
      <w:r w:rsidRPr="005A1F79">
        <w:rPr>
          <w:rFonts w:ascii="Courier New" w:hAnsi="Courier New" w:cs="Courier New"/>
        </w:rPr>
        <w:t xml:space="preserve"> \'ef\'f0\'ee\'f6\'e5\'ed\'f2\'ed\'ee\'e9 \'f1\'f2\'e0\'e2\'ea\'e8 \'ef\'ee \'ca\'f0\'e5\'e4\'e8\'f2\'f3 \'e2 \'f1\'eb\'f3\'f7\'e0\'e5 \'f3\'e2\'e5\'eb\'e8\'f7\'e5\'ed\'e8\'ff \'f1\'eb\'e5\'e4\'f3\'fe\'f9\'e8\'f5 \'ef\'f0\'ee\'f6\'e5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2\'ed\'fb\'f5 </w:t>
      </w:r>
      <w:r w:rsidRPr="005A1F79">
        <w:rPr>
          <w:rFonts w:ascii="Courier New" w:hAnsi="Courier New" w:cs="Courier New"/>
        </w:rPr>
        <w:t xml:space="preserve">\'e8\'ed\'e4\'e8\'ea\'e0\'f2\'ee\'f0\'ee\'e2: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aspalpha\aspnum\faauto\adjustright\rin0\lin0\itap0\pararsid11283266 \rtlch\fcs1 \af0\afs20\alang1025 \ltrch\fcs0 \fs20\lang1049\langfe1049\cgrid</w:t>
      </w:r>
      <w:r w:rsidRPr="005A1F79">
        <w:rPr>
          <w:rFonts w:ascii="Courier New" w:hAnsi="Courier New" w:cs="Courier New"/>
        </w:rPr>
        <w:t xml:space="preserve">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1283266\charrsid13642871          \'e0) \'ea\'eb\'fe\'f7\'e5\'e2\'ee\'e9 \'f1\'f2\'e0\'e2\'ea\'e8 \'c1\'e0\'ed\'ea\'e0 \'d0\'ee\'f1\'f1\'e8\'e8, \'ef\'f3\'e1\'eb\'e8\'ea\'f3\'e5\'</w:t>
      </w:r>
      <w:r w:rsidRPr="005A1F79">
        <w:rPr>
          <w:rFonts w:ascii="Courier New" w:hAnsi="Courier New" w:cs="Courier New"/>
        </w:rPr>
        <w:t>ec\'ee\'e9 \'ed\'e0 \'ee\'f4\'e8\'f6\'e8\'e0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c\'ed\'ee\'ec \'f1\'e0\'e9\'f2\'e5 \'c1\'e0\'ed\'ea\'e0 \'d0\'ee\'f1\'f1\'e8\'e8 \'e2 \'f1\'e5\'f2\'e8 \'c8\'ed\'f2\'e5\'f0\'ed\'e5\'f2 (www.cbr.ru) \'e8/\'e8\'eb\'e8 \'e2 \'f1\'e8\'f1\'f2\'e5\'ec\'e5 Bl</w:t>
      </w:r>
      <w:r w:rsidRPr="005A1F79">
        <w:rPr>
          <w:rFonts w:ascii="Courier New" w:hAnsi="Courier New" w:cs="Courier New"/>
        </w:rPr>
        <w:t>oomberg (\'ea\'ee\'e4 \'e8\'ed\'f1\'f2\'f0\'f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c\'e5\'ed\'f2\'e0 RREFKEYR Index) \'e8/\'e8\'eb\'e8 \'e2 \'f1\'e8\'f1\'f2\'e5\'ec\'e5 Reuters (\'ea\'ee\'e4 \'e8\'ed\'f1\'f2\'f0\'f3\'ec\'e5\'ed\'f2\'e0 RUKEYRATE=CBRF) \'e8/\'e8\'eb\'e8 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      </w:t>
      </w:r>
      <w:r w:rsidRPr="005A1F79">
        <w:rPr>
          <w:rFonts w:ascii="Courier New" w:hAnsi="Courier New" w:cs="Courier New"/>
        </w:rPr>
        <w:t xml:space="preserve">   \'e1) \'f1\'f0\'e5\'e4\'ed\'e5\'e0\'f0\'e8\'f4\'ec\'e5\'f2\'e8\'f7\'e5\'f1\'ea\'ee\'e3\'ee \'e7\'ed\'e0\'f7\'e5\'ed\'e8\'ff \'e7\'e0 \'ea\'e0\'eb\'e5\'ed\'e4\'e0\'f0\'ed\'fb\'e9 \'ec\'e5\'f1\'ff\'f6 \'f1\'f2\'e0\'e2\'ea\'e8 \'e1\'e5\'f1\'ea\'f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</w:t>
      </w:r>
      <w:r w:rsidRPr="005A1F79">
        <w:rPr>
          <w:rFonts w:ascii="Courier New" w:hAnsi="Courier New" w:cs="Courier New"/>
        </w:rPr>
        <w:t>e\'ed\'ed\'ee\'e9 \'e4\'ee\'f5\'ee\'e4\'ed\'ee\'f1\'f2\'e8 \'ce\'d4\'c7 \'f1\'ee \'f1\'f0\'ee\'ea\'ee\'ec \'e4\'ee \'ef\'ee\'e3\'e0\'f8\'e5\'ed\'e8\'ff 3 (\'d2\'f0\'e8) \'e3\'ee\'e4\'e0 \'ef\'ee \'e4\'e0\'ed\'ed\'fb\'ec, \'ef\'f3\'e1\'eb\'e8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e5\</w:t>
      </w:r>
      <w:r w:rsidRPr="005A1F79">
        <w:rPr>
          <w:rFonts w:ascii="Courier New" w:hAnsi="Courier New" w:cs="Courier New"/>
        </w:rPr>
        <w:t xml:space="preserve">'ec\'fb\'ec \'ed\'e0 \'ee\'f4\'e8\'f6\'e8\'e0\'eb\'fc\'ed\'ee\'ec \'f1\'e0\'e9\'f2\'e5 \'c1\'e0\'ed\'ea\'e0 \'d0\'ee\'f1\'f1\'e8\'e8 \'e2 \'f1\'e5\'f2\'e8 \'c8\'ed\'f2\'e5\'f0\'ed\'e5\'f2 (www.cbr.ru).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\'d3\'e2\'e5\'eb\'e8\'f7\'e5\'ed\'</w:t>
      </w:r>
      <w:r w:rsidRPr="005A1F79">
        <w:rPr>
          <w:rFonts w:ascii="Courier New" w:hAnsi="Courier New" w:cs="Courier New"/>
        </w:rPr>
        <w:t>e8\'e5 \'e2 \'ee\'e4\'ed\'ee\'f1\'f2\'ee\'f0\'ee\'ed\'ed\'e5\'ec \'ef\'ee\'f0\'ff\'e4\'ea\'e5 \'ef\'f0\'ee\'f6\'e5\'ed\'f2\'ed\'ee\'e9 \'f1\'f2\'e0\'e2\'ea\'e8 \'ee\'f1\'f3\'f9\'e5\'f1\'f2\'e2\'eb\'ff\'e5\'f2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\'ed\'e0 \'e2\'e5\'eb\'e8\'f7\'e8\'ed</w:t>
      </w:r>
      <w:r w:rsidRPr="005A1F79">
        <w:rPr>
          <w:rFonts w:ascii="Courier New" w:hAnsi="Courier New" w:cs="Courier New"/>
        </w:rPr>
        <w:t>\'f3 \'f0\'ee\'f1\'f2\'e0 \'ef\'f0\'ee\'f6\'e5\'ed\'f2\'ed\'ee\'e3\'ee \'e8\'ed\'e4\'e8\'ea\'e0\'f2\'ee\'f0\'e0. \'d0\'ee\'f1\'f2 \'ef\'f0\'ee\'f6\'e5\'ed\'f2\'ed\'ee\'e3\'ee \'e8\'ed\'e4\'e8\'ea\'e0\'f2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f0\'e0\'f1\'f1\'f7\'e8\'f2\'fb\'e2\'</w:t>
      </w:r>
      <w:r w:rsidRPr="005A1F79">
        <w:rPr>
          <w:rFonts w:ascii="Courier New" w:hAnsi="Courier New" w:cs="Courier New"/>
        </w:rPr>
        <w:t xml:space="preserve">e0\'e5\'f2\'f1\'ff \'ea\'e0\'ea \'f0\'e0\'e7\'ed\'e8\'f6\'e0 \'ec\'e5\'e6\'e4\'f3 \'e7\'ed\'e0\'f7\'e5\'ed\'e8\'ff\'ec\'e8 \'ef\'f0\'ee\'f6\'e5\'ed\'f2\'ed\'ee\'e3\'ee \'e8\'ed\'e4\'e8\'ea\'e0\'f2\'ee\'f0\'e0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5\'e9\'f1\'f2\'e2\'ee\'e2\'e0\'e2\'f8</w:t>
      </w:r>
      <w:r w:rsidRPr="005A1F79">
        <w:rPr>
          <w:rFonts w:ascii="Courier New" w:hAnsi="Courier New" w:cs="Courier New"/>
        </w:rPr>
        <w:t>\'e8\'ec\'e8 \'e2 \'ef\'e5\'f0\'e2\'fb\'e9 \'d0\'e0\'e1\'ee\'f7\'e8\'e9 \'e4\'e5\'ed\'fc \'f2\'e5\'ea\'f3\'f9\'e5\'e3\'ee \'ec\'e5\'f1\'ff\'f6\'e0 \'e8 \'e2 \'ed\'e0\'e8\'e1\'ee\'eb\'e5\'e5 \'ef\'ee\'e7\'e4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e\'fe \'e8\'e7 \'ed\'e8\'e6\'e5\'f1\'eb\'</w:t>
      </w:r>
      <w:r w:rsidRPr="005A1F79">
        <w:rPr>
          <w:rFonts w:ascii="Courier New" w:hAnsi="Courier New" w:cs="Courier New"/>
        </w:rPr>
        <w:t xml:space="preserve">e5\'e4\'f3\'fe\'f9\'e8\'f5 \'e4\'e0\'f2: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- \'e2 \'ef\'e5\'f0\'e2\'fb\'e9 \'d0\'e0\'e1\'ee\'f7\'e8\'e9 \'e4\'e5\'ed\'fc \'ec\'e5\'f1\'ff\'f6\'e0, \'f1\'eb\'e5\'e4\'f3\'fe\'f9\'e5\'e3\'ee \'e7\'e0 \'ec\'e5\'f1\'ff\'f6\'e5\'ec, \'e2 \'ea\'</w:t>
      </w:r>
      <w:r w:rsidRPr="005A1F79">
        <w:rPr>
          <w:rFonts w:ascii="Courier New" w:hAnsi="Courier New" w:cs="Courier New"/>
        </w:rPr>
        <w:t>ee\'f2\'ee\'f0\'ee\'ec \'e1\'fb\'eb\'e0 \'f3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0\'ed\'ee\'e2\'eb\'e5\'ed\'e0 \'ef\'f0\'ee\'f6\'e5\'ed\'f2\'ed\'e0\'ff \'f1\'f2\'e0\'e2\'ea\'e0 \'ef\'ee \'d1\'ee\'e3\'eb\'e0\'f8\'e5\'ed\'e8\'fe (\'e7\'e0\'ea\'eb\'fe\'f7\'e5\'ed\'ee \'d1\'ee\'e3\'e</w:t>
      </w:r>
      <w:r w:rsidRPr="005A1F79">
        <w:rPr>
          <w:rFonts w:ascii="Courier New" w:hAnsi="Courier New" w:cs="Courier New"/>
        </w:rPr>
        <w:t xml:space="preserve">b\'e0\'f8\'e5\'ed\'e8\'e5);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- \'e2 \'ef\'e5\'f0\'e2\'fb\'e9 \'d0\'e0\'e1\'ee\'f7\'e8\'e9 \'e4\'e5\'ed\'fc \'ec\'e5\'f1\'ff\'f6\'e0, \'f1\'eb\'e5\'e4\'f3\'fe\'f9\'e5\'e3\'ee \'e7\'e0 \'ec\'e5\'f1\'ff\'f6\'e5\'ec, \'e2 \'ea\'ee\'f2\'ee\'f</w:t>
      </w:r>
      <w:r w:rsidRPr="005A1F79">
        <w:rPr>
          <w:rFonts w:ascii="Courier New" w:hAnsi="Courier New" w:cs="Courier New"/>
        </w:rPr>
        <w:t>0\'ee\'ec \'e7\'e0\'ea\'eb\'fe\'f7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 \'e4\'ee\'ef\'ee\'eb\'ed\'e8\'f2\'e5\'eb\'fc\'ed\'ee\'e5 \'f1\'ee\'e3\'eb\'e0\'f8\'e5\'ed\'e8\'e5 \'ea \'d1\'ee\'e3\'eb\'e0\'f8\'e5\'ed\'e8\'fe, \'ef\'f0\'e5\'e4\'f3\'f1\'ec\'e0\'f2\'f0\'e8\'e2\'e0\'fe\'f9\'</w:t>
      </w:r>
      <w:r w:rsidRPr="005A1F79">
        <w:rPr>
          <w:rFonts w:ascii="Courier New" w:hAnsi="Courier New" w:cs="Courier New"/>
        </w:rPr>
        <w:t>e5\'e5 \'e8\'e7\'ec\'e5\'ed\'e5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5 \'ef\'f0\'ee\'f6\'e5\'ed\'f2\'ed\'ee\'e9 \'f1\'f2\'e0\'e2\'ea\'e8 \'ef\'ee \'d1\'ee\'e3\'eb\'e0\'f8\'e5\'ed\'e8\'fe;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- \'e2 \'ef\'e5\'f0\'e2\'fb\'e9 \'d0\'e0\'e1\'ee\'f7\'e8\'e9 \'e4\'e5\'ed</w:t>
      </w:r>
      <w:r w:rsidRPr="005A1F79">
        <w:rPr>
          <w:rFonts w:ascii="Courier New" w:hAnsi="Courier New" w:cs="Courier New"/>
        </w:rPr>
        <w:t>\'fc \'ec\'e5\'f1\'ff\'f6\'e0, \'e2 \'ea\'ee\'f2\'ee\'f0\'ee\'ec \'e1\'fb\'eb\'ee \'ed\'e0\'ef\'f0\'e0\'e2\'eb\'e5\'ed\'ee \'ef\'ee\'f1\'eb\'e5\'e4\'ed\'e5\'e5 \'f3\'e2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e\'ec\'eb\'e5\'ed\'e8\'e5 \'ee\'e1 \'e8\'e7\'ec\'e5\'ed\'e5\'ed\'e8\'e8 \'e</w:t>
      </w:r>
      <w:r w:rsidRPr="005A1F79">
        <w:rPr>
          <w:rFonts w:ascii="Courier New" w:hAnsi="Courier New" w:cs="Courier New"/>
        </w:rPr>
        <w:t xml:space="preserve">f\'f0\'ee\'f6\'e5\'ed\'f2\'ed\'ee\'e9 \'f1\'f2\'e0\'e2\'ea\'e8 \'ef\'ee \'d1\'ee\'e3\'eb\'e0\'f8\'e5\'ed\'e8\'fe.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\'cf\'f0\'e8 \'ee\'e4\'ed\'ee\'e2\'f0\'e5\'ec\'e5\'ed\'ed\'ee\'ec \'e8\'e7\'ec\'e5\'ed\'e5\'ed\'e8\'e8 \'e4\'e2\'f3\'f5 \'</w:t>
      </w:r>
      <w:r w:rsidRPr="005A1F79">
        <w:rPr>
          <w:rFonts w:ascii="Courier New" w:hAnsi="Courier New" w:cs="Courier New"/>
        </w:rPr>
        <w:t>ef\'f0\'ee\'f6\'e5\'ed\'f2\'ed\'fb\'f5 \'e8\'ed\'e4\'e8\'ea\'e0\'f2\'ee\'f0\'ee\'e2 \'e4\'eb\'ff \'ee\'ef\'f0\'e5\'e4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d\'e8\'ff \'ed\'ee\'e2\'ee\'e9 \'ef\'f0\'ee\'f6\'e5\'ed\'f2\'ed\'ee\'e9 \'f1\'f2\'e0\'e2\'ea\'e8 \'e2 \'f0\'e0\'f1\'f7\'e5</w:t>
      </w:r>
      <w:r w:rsidRPr="005A1F79">
        <w:rPr>
          <w:rFonts w:ascii="Courier New" w:hAnsi="Courier New" w:cs="Courier New"/>
        </w:rPr>
        <w:t>\'f2 \'ef\'f0\'e8\'ed\'e8\'ec\'e0\'fe\'f2\'f1\'ff \'e7\'ed\'e0\'f7\'e5\'ed\'e8\'ff \'e8\'ed\'e4\'e8\'ea\'e0\'f2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, \'f3\'e2\'e5\'eb\'e8\'f7\'e8\'e2\'f8\'e5\'e3\'ee\'f1\'ff \'ed\'e0 \'e1\'ee\'eb\'fc\'f8\'f3\'fe \'e2\'e5\'eb\'e8\'f7\'e8\'ed\'f3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{\rtlch\fcs1 \af0\afs22 \ltrch\fcs0 \b\fs22\insrsid11283266\charrsid13642871 \'cf\'ee\'f0\'ff\'e4\'ee\'ea \'f3\'ef\'eb\'e0\'f2\'fb \'ef\'f0\'ee\'f6\'e5\'ed\'f2\'ee\'e2: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sb20\sa20\nowidctlpar\tx0\wrapdefault\aspalpha</w:t>
      </w:r>
      <w:r w:rsidRPr="005A1F79">
        <w:rPr>
          <w:rFonts w:ascii="Courier New" w:hAnsi="Courier New" w:cs="Courier New"/>
        </w:rPr>
        <w:t xml:space="preserve">\aspnum\faauto\adjustright\rin0\lin0\itap0\pararsid11283266 {\rtlch\fcs1 \af0\afs22 \ltrch\fcs0 \fs22\insrsid11283266\charrsid13642871 \'c5\'e6\'e5\'ec\'e5\'f1\'ff\'f7\'ed\'ee 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e\'f1\'eb\'e5\'e4\'ed\'e8\'e9 \'f0\'e0\'e1\'ee\'f7\'e8\'e9 \'e4\'e</w:t>
      </w:r>
      <w:r w:rsidRPr="005A1F79">
        <w:rPr>
          <w:rFonts w:ascii="Courier New" w:hAnsi="Courier New" w:cs="Courier New"/>
        </w:rPr>
        <w:t>5\'ed\'fc \'ec\'e5\'f1\'ff\'f6\'e0, \'ed\'e0\'f7\'e8\'f1\'eb\'e5\'ed\'ed\'fb\'e5 \'e7\'e0 \'f2\'e5\'ea\'f3\'f9\'e8\'e9 \'ea\'e0\'eb\'e5\'ed\'e4\'e0\'f0\'ed\'fb\'e9 \'ec\'e5\'f1\'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6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c2 \'f1\'eb\'f3\'f7\'e0\'e5, \'e5\'f1\'eb\'e8 \'f4\'e8\'ed\'</w:t>
      </w:r>
      <w:r w:rsidRPr="005A1F79">
        <w:rPr>
          <w:rFonts w:ascii="Courier New" w:hAnsi="Courier New" w:cs="Courier New"/>
        </w:rPr>
        <w:t>e0\'ed\'f1\'ee\'e2\'ee\'e5 \'f1\'ee\'f1\'f2\'ee\'ff\'ed\'e8\'e5 \'c7\'e0\'e5\'ec\'f9\'e8\'ea\'e0 \'ed\'e0 \'ec\'ee\'ec\'e5\'ed\'f2 \'e7\'e0\'ea\'eb\'fe\'f7\'e5\'ed\'e8\'ff \'ea\'f0\'e5\'e4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d\'ee\'e9 \'f1\'e4\'e5\'eb\'ea\'e8 \'ed\'e5 \'ec\'ee\'e</w:t>
      </w:r>
      <w:r w:rsidRPr="005A1F79">
        <w:rPr>
          <w:rFonts w:ascii="Courier New" w:hAnsi="Courier New" w:cs="Courier New"/>
        </w:rPr>
        <w:t>6\'e5\'f2 \'e1\'fb\'f2\'fc \'ee\'f6\'e5\'ed\'e5\'ed\'ee \'ea\'e0\'ea \'ab\'f5\'ee\'f0\'ee\'f8\'e5\'e5\'bb \'e4\'eb\'ff \'f6\'e5\'eb\'e5\'e9 \'f4\'ee\'f0\'ec\'e8\'f0\'ee\'e2\'e0\'ed\'e8\'ff 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7\'e5\'f0\'e2\'ee\'e2, \'c7\'e0\'e5\'ec\'f9\'e8\'ea \'</w:t>
      </w:r>
      <w:r w:rsidRPr="005A1F79">
        <w:rPr>
          <w:rFonts w:ascii="Courier New" w:hAnsi="Courier New" w:cs="Courier New"/>
        </w:rPr>
        <w:t>e2 \'ee\'e1\'ff\'e7\'e0\'f2\'e5\'eb\'fc\'ed\'ee\'ec \'ef\'ee\'f0\'ff\'e4\'ea\'e5 \'f3\'ef\'eb\'e0\'f7\'e8\'e2\'e0\'e5\'f2 \'ef\'f0\'e5\'e4\'e2\'e0\'f0\'e8\'f2\'e5\'eb\'fc\'ed\'fb\'e9 \'ef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2\'e5\'e6 \'e2 \'f1\'f7\'e5\'f2 \'f3\'ef\'eb\'e0\'f2\'fb</w:t>
      </w:r>
      <w:r w:rsidRPr="005A1F79">
        <w:rPr>
          <w:rFonts w:ascii="Courier New" w:hAnsi="Courier New" w:cs="Courier New"/>
        </w:rPr>
        <w:t xml:space="preserve"> \'ef\'f0\'ee\'f6\'e5\'ed\'f2\'ee\'e2, \'ef\'f0\'e8 \'f3\'f1\'eb\'ee\'e2\'e8\'e8 \'e2\'ed\'e5\'e4\'f0\'e5\'ed\'e8\'ff \'f3\'ea\'e0\'e7\'e0\'ed\'ed\'ee\'e3\'ee \'ec\'e5\'f5\'e0\'ed\'e8\'e7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ef\'ee \'ec\'e5\'f1\'f2\'f3 \'ef\'f0\'ee\'e2\'e5\'e4\'e5</w:t>
      </w:r>
      <w:r w:rsidRPr="005A1F79">
        <w:rPr>
          <w:rFonts w:ascii="Courier New" w:hAnsi="Courier New" w:cs="Courier New"/>
        </w:rPr>
        <w:t>\'ed\'e8\'ff \'f1\'e4\'e5\'eb\'ea\'e8. \'cc\'e5\'f5\'e0\'ed\'e8\'e7\'ec \'ef\'f0\'e5\'e4\'e2\'e0\'f0\'e8\'f2\'e5\'eb\'fc\'ed\'ee\'e9 \'f3\'ef\'eb\'e0\'f2\'fb \'ef\'f0\'ee\'f6\'e5\'ed\'f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 \'ef\'f0\'e8\'ec\'e5\'ed\'ff\'e5\'f2\'f1\'ff \'e2 \'f1\'eb\</w:t>
      </w:r>
      <w:r w:rsidRPr="005A1F79">
        <w:rPr>
          <w:rFonts w:ascii="Courier New" w:hAnsi="Courier New" w:cs="Courier New"/>
        </w:rPr>
        <w:t>'f3\'f7\'e0\'e5 \'ee\'f2\'ea\'e0\'e7\'e0 \'ee\'f2 \'e2\'e7\'e8\'ec\'e0\'ed\'e8\'ff \'ea\'ee\'ec\'e8\'f1\'f1\'e8\'e8 \'e7\'e0 \'e2\'fb\'e4\'e0\'f7\'f3 \'ea\'f0\'e5\'e4\'e8\'f2\'e0/ \'ef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4\'ee\'f1\'f2\'e0\'e2\'eb\'e5\'ed\'e8\'e5 \'ea\'f0\'e5\'e4\</w:t>
      </w:r>
      <w:r w:rsidRPr="005A1F79">
        <w:rPr>
          <w:rFonts w:ascii="Courier New" w:hAnsi="Courier New" w:cs="Courier New"/>
        </w:rPr>
        <w:t xml:space="preserve">'e8\'f2\'ed\'ee\'e9 \'eb\'e8\'ed\'e8\'e8}{\rtlch\fcs1 \ab\ai\af0\afs22 \ltrch\fcs0 \fs22\insrsid11283266\charrsid13642871 .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s22\insrsid11283266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</w:t>
      </w:r>
      <w:r w:rsidRPr="005A1F79">
        <w:rPr>
          <w:rFonts w:ascii="Courier New" w:hAnsi="Courier New" w:cs="Courier New"/>
        </w:rPr>
        <w:t>\aspalpha\aspnum\faauto\adjustright\rin0\lin0\itap0\pararsid11283266 {\rtlch\fcs1 \af0\afs22 \ltrch\fcs0 \fs22\lang1049\langfe1033\langfenp1033\insrsid11283266\charrsid13642871 \'cf\'f0\'e8 \'ee\'ef\'eb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5 \'ef\'f0\'e5\'e4\'e2\'e0\'f0\'e8\'f2\'e</w:t>
      </w:r>
      <w:r w:rsidRPr="005A1F79">
        <w:rPr>
          <w:rFonts w:ascii="Courier New" w:hAnsi="Courier New" w:cs="Courier New"/>
        </w:rPr>
        <w:t xml:space="preserve">5\'eb\'fc\'ed\'ee\'e3\'ee \'ef\'eb\'e0\'f2\'e5\'e6\'e0 \'e2 \'f1\'f7\'e5\'f2 \'f3\'ef\'eb\'e0\'f2\'fb \'ef\'f0\'ee\'f6\'e5\'ed\'f2\'ee\'e2 \'e2\'e7\'e8\'ec\'e0\'ed\'e8\'e5 \'ea\'ee\'ec\'e8\'f1\'f1\'e8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0 \'e2\'fb\'e4\'e0\'f7\'f3 \'ea\'f0\'e5\'e</w:t>
      </w:r>
      <w:r w:rsidRPr="005A1F79">
        <w:rPr>
          <w:rFonts w:ascii="Courier New" w:hAnsi="Courier New" w:cs="Courier New"/>
        </w:rPr>
        <w:t xml:space="preserve">4\'e8\'f2\'e0/ \'ea\'f0\'e5\'e4\'e8\'f2\'ed\'ee\'e9 \'eb\'e8\'ed\'e8\'e8 \'ed\'e5 \'f2\'f0\'e5\'e1\'f3\'e5\'f2\'f1\'ff.}{\rtlch\fcs1 \af0\afs22 \ltrch\fcs0 \fs22\insrsid11283266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widctlpar\tx317\w</w:t>
      </w:r>
      <w:r w:rsidRPr="005A1F79">
        <w:rPr>
          <w:rFonts w:ascii="Courier New" w:hAnsi="Courier New" w:cs="Courier New"/>
        </w:rPr>
        <w:t xml:space="preserve">rapdefault\aspalpha\aspnum\faauto\adjustright\rin0\lin0\itap0\pararsid11283266 \rtlch\fcs1 \af0\afs24\alang1025 \ltrch\fcs0 \f1\fs20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b\af0\afs22 \ltrch\fcs0 \b\f0\fs22\expnd4\expndtw20\insr</w:t>
      </w:r>
      <w:r w:rsidRPr="005A1F79">
        <w:rPr>
          <w:rFonts w:ascii="Courier New" w:hAnsi="Courier New" w:cs="Courier New"/>
        </w:rPr>
        <w:t xml:space="preserve">sid11283266\charrsid13642871 \'cd\'e5\'f3\'f1\'f2\'ee\'e9\'ea\'e8/\'ea\'ee\'ec\'e8\'f1\'f1\'e8\'e8/ \'e2\'ee\'e7\'ed\'e0\'e3\'f0\'e0\'e6\'e4\'e5\'ed\'e8\'ff: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0\fs22\insrsid11283266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</w:t>
      </w:r>
      <w:r w:rsidRPr="005A1F79">
        <w:rPr>
          <w:rFonts w:ascii="Courier New" w:hAnsi="Courier New" w:cs="Courier New"/>
        </w:rPr>
        <w:t xml:space="preserve">n \ltrpar\s26\qj \li0\ri0\sb20\sa20\widctlpar\tx252\tqc\tx4153\tqr\tx8306\wrapdefault\aspalpha\aspnum\faauto\adjustright\rin0\lin0\itap0\pararsid11283266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0\lang1049\langfe1049\cgrid\langnp1049\langfenp1049</w:t>
      </w:r>
      <w:r w:rsidRPr="005A1F79">
        <w:rPr>
          <w:rFonts w:ascii="Courier New" w:hAnsi="Courier New" w:cs="Courier New"/>
        </w:rPr>
        <w:t xml:space="preserve"> {\rtlch\fcs1 \af0\afs22 \ltrch\fcs0 \fs22\insrsid11283266\charrsid13642871 - \'ed\'e5\'f3\'f1\'f2\'ee\'e9\'ea\'e0 \'e2 \'f0\'e0\'e7\'ec\'e5\'f0\'e5 1% \'e3\'ee\'e4\'ee\'e2\'fb\'f5 \'ee\'f2 \'f1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4\'ed\'e5\'e9 \'f1\'f3\'ec\'ec\'fb \'e7\'e0\'e4\'</w:t>
      </w:r>
      <w:r w:rsidRPr="005A1F79">
        <w:rPr>
          <w:rFonts w:ascii="Courier New" w:hAnsi="Courier New" w:cs="Courier New"/>
        </w:rPr>
        <w:t>ee\'eb\'e6\'e5\'ed\'ed\'ee\'f1\'f2\'e8 \'ef\'ee \'ee\'f1\'ed\'ee\'e2\'ed\'ee\'ec\'f3 \'e4\'ee\'eb\'e3\'f3 \'ef\'ee \'f1\'ee\'ee\'f2\'e2\'e5\'f2\'f1\'f2\'e2\'f3\'fe\'f9\'e5\'ec\'f3 \'f1\'ee\'e3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8\'e5\'ed\'e8\'fe \'e7\'e0 \'ef\'e5\'f0\'e8\'ee\'e4</w:t>
      </w:r>
      <w:r w:rsidRPr="005A1F79">
        <w:rPr>
          <w:rFonts w:ascii="Courier New" w:hAnsi="Courier New" w:cs="Courier New"/>
        </w:rPr>
        <w:t>, \'e2 \'ea\'ee\'f2\'ee\'f0\'ee\'ec \'ee\'e1\'ff\'e7\'e0\'f2\'e5\'eb\'fc\'f1\'f2\'e2\'ee \'ef\'ee \'ef\'ee\'e4\'e4\'e5\'f0\'e6\'e0\'ed\'e8\'fe \'ea\'f0\'e5\'e4\'e8\'f2\'ee\'e2\'fb\'f5 \'ee\'e1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e\'f2\'ee\'e2 \'e1\'fb\'eb\'ee \'ed\'e0\'f0\'f3\'f8</w:t>
      </w:r>
      <w:r w:rsidRPr="005A1F79">
        <w:rPr>
          <w:rFonts w:ascii="Courier New" w:hAnsi="Courier New" w:cs="Courier New"/>
        </w:rPr>
        <w:t>\'e5\'ed\'ee. \'d3\'ef\'eb\'e0\'f2\'e0 \'ed\'e5\'f3\'f1\'f2\'ee\'e9\'ea\'e8 \'ef\'f0\'ee\'e8\'e7\'e2\'ee\'e4\'e8\'f2\'f1\'ff \'e2 \'e4\'e0\'f2\'fb \'f3\'ef\'eb\'e0\'f2\'fb \'ef\'f0\'ee\'f6\'e5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e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s</w:t>
      </w:r>
      <w:r w:rsidRPr="005A1F79">
        <w:rPr>
          <w:rFonts w:ascii="Courier New" w:hAnsi="Courier New" w:cs="Courier New"/>
        </w:rPr>
        <w:t>b20\sa20\widctlpar\tx260\wrapdefault\aspalpha\aspnum\faauto\adjustright\rin0\lin0\itap0\pararsid11283266 \rtlch\fcs1 \af0\afs24\alang1025 \ltrch\fcs0 \f1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f0\fs22\</w:t>
      </w:r>
      <w:r w:rsidRPr="005A1F79">
        <w:rPr>
          <w:rFonts w:ascii="Courier New" w:hAnsi="Courier New" w:cs="Courier New"/>
        </w:rPr>
        <w:t>insrsid11283266\charrsid13642871 - \'ed\'e5\'f3\'f1\'f2\'ee\'e9\'ea\'e0 \'e2 \'f0\'e0\'e7\'ec\'e5\'f0\'e5 1% \'e3\'ee\'e4\'ee\'e2\'fb\'f5 \'ee\'f2 \'f1\'f0\'e5\'e4\'ed\'e5\'e9 \'f1\'f3\'ec\'ec\'fb \'e7\'e0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b\'e6\'e5\'ed\'ed\'ee\'f1\'f2\'e8 \'ef</w:t>
      </w:r>
      <w:r w:rsidRPr="005A1F79">
        <w:rPr>
          <w:rFonts w:ascii="Courier New" w:hAnsi="Courier New" w:cs="Courier New"/>
        </w:rPr>
        <w:t>\'ee \'ee\'f1\'ed\'ee\'e2\'ed\'ee\'ec\'f3 \'e4\'ee\'eb\'e3\'f3 \'ef\'ee \'f1\'ee\'ee\'f2\'e2\'e5\'f2\'f1\'f2\'e2\'f3\'fe\'f9\'e5\'ec\'f3 \'f1\'ee\'e3\'eb\'e0\'f8\'e5\'ed\'e8\'fe \'e7\'e0 \'ef\'e5\'f0\'e8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, \'e2 \'ea\'ee\'f2\'ee\'f0\'ee\'ec \'ee\'e</w:t>
      </w:r>
      <w:r w:rsidRPr="005A1F79">
        <w:rPr>
          <w:rFonts w:ascii="Courier New" w:hAnsi="Courier New" w:cs="Courier New"/>
        </w:rPr>
        <w:t>1\'ff\'e7\'e0\'f2\'e5\'eb\'fc\'f1\'f2\'e2\'ee \'ef\'ee \'ef\'ee\'e4\'e4\'e5\'f0\'e6\'e0\'ed\'e8\'fe \'e4\'e5\'e1\'e5\'f2\'ee\'e2\'fb\'f5 \'ee\'e1\'ee\'f0\'ee\'f2\'ee\'e2 \'e1\'fb\'eb\'ee \'ed\'e0\'f0\'f3\'f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d\'ee. \'d3\'ef\'eb\'e0\'f2\'e0 \'ed\'e5</w:t>
      </w:r>
      <w:r w:rsidRPr="005A1F79">
        <w:rPr>
          <w:rFonts w:ascii="Courier New" w:hAnsi="Courier New" w:cs="Courier New"/>
        </w:rPr>
        <w:t>\'f3\'f1\'f2\'ee\'e9\'ea\'e8 \'ef\'f0\'ee\'e8\'e7\'e2\'ee\'e4\'e8\'f2\'f1\'ff \'e2 \'e4\'e0\'f2\'fb \'f3\'ef\'eb\'e0\'f2\'fb \'ef\'f0\'ee\'f6\'e5\'ed\'f2\'ee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3\qj \li0\ri0\widctlpar\wrapdefault\nooverflow\faroman\rin0\lin0</w:t>
      </w:r>
      <w:r w:rsidRPr="005A1F79">
        <w:rPr>
          <w:rFonts w:ascii="Courier New" w:hAnsi="Courier New" w:cs="Courier New"/>
        </w:rPr>
        <w:t xml:space="preserve">\itap0\pararsid11283266\contextualspace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1283266\charrsid13642871 - \'c7\'e0 \'e2\'fb\'e4\'e0\'f7\'f3 \'</w:t>
      </w:r>
      <w:r w:rsidRPr="005A1F79">
        <w:rPr>
          <w:rFonts w:ascii="Courier New" w:hAnsi="Courier New" w:cs="Courier New"/>
        </w:rPr>
        <w:t>ea\'f0\'e5\'e4\'e8\'f2\'ed\'ee\'e9 \'eb\'e8\'ed\'e8\'e8: 30 000 \'f0\'f3\'e1. (\'e2\'e7\'e8\'ec\'e0\'e5\'f2\'f1\'ff \'e2 \'ee\'e1\'ff\'e7\'e0\'f2\'e5\'eb\'fc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 \'ef\'ee\'f0\'ff\'e4\'ea\'e5, \'e5\'f1\'eb\'e8 \'f4\'e8\'ed\'e0\'ed\'f1\'ee\'e2\'ee\</w:t>
      </w:r>
      <w:r w:rsidRPr="005A1F79">
        <w:rPr>
          <w:rFonts w:ascii="Courier New" w:hAnsi="Courier New" w:cs="Courier New"/>
        </w:rPr>
        <w:t xml:space="preserve">'e5 \'f1\'ee\'f1\'f2\'ee\'ff\'ed\'e8\'e5 \'c7\'e0\'e5\'ec\'f9\'e8\'ea\'e0 \'ed\'e5 \'ec\'ee\'e6\'e5\'f2 \'e1\'fb\'f2\'fc \'ee\'f6\'e5\'ed\'e5\'ed\'ee \'ea\'e0\'ea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ab\'f5\'ee\'f0\'ee\'f8\'e5\'e5\'bb \'e4\'eb\'ff \'f6\'e5\'eb\'e5\'e9 \'f4\'ee\'f0\'ec\'e8</w:t>
      </w:r>
      <w:r w:rsidRPr="005A1F79">
        <w:rPr>
          <w:rFonts w:ascii="Courier New" w:hAnsi="Courier New" w:cs="Courier New"/>
        </w:rPr>
        <w:t xml:space="preserve">\'f0\'ee\'e2\'e0\'ed\'e8\'ff \'f0\'e5\'e7\'e5\'f0\'e2\'ee\'e2 \'ed\'e0 \'ec\'ee\'ec\'e5\'ed\'f2 \'e7\'e0\'ea\'eb\'fe\'f7\'e5\'ed\'e8\'ff \'f1\'e4\'e5\'eb\'ea\'e8)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d3\'ef\'eb\'e0\'f7\'e8\'e2\'e0\'e5\'f2\'f1\'ff \'e4\'ee \'ef\'e5\'f0\'e2\'ee\'e3\'ee \'e</w:t>
      </w:r>
      <w:r w:rsidRPr="005A1F79">
        <w:rPr>
          <w:rFonts w:ascii="Courier New" w:hAnsi="Courier New" w:cs="Courier New"/>
        </w:rPr>
        <w:t>8\'f1\'ef\'ee\'eb\'fc\'e7\'ee\'e2\'e0\'ed\'e8\'ff \'f1\'f0\'e5\'e4\'f1\'f2\'e2 \'ef\'ee \'ea\'f0\'e5\'e4\'e8\'f2\'ed\'ee\'e9 \'f1\'e4\'e5\'eb\'ea\'e5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0\qj \li0\ri0\widctlpar\wrapdefault\aspalpha\aspnum\faauto\adjustright\rin0\</w:t>
      </w:r>
      <w:r w:rsidRPr="005A1F79">
        <w:rPr>
          <w:rFonts w:ascii="Courier New" w:hAnsi="Courier New" w:cs="Courier New"/>
        </w:rPr>
        <w:t xml:space="preserve">lin0\itap0\pararsid11283266 \rtlch\fcs1 \af0\afs20\alang1025 \ltrch\fcs0 \fs22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insrsid11283266\charrsid13642871 - \'d8\'f2\'f0\'e0\'f4 \'e2 \'f0\'e0\'e7\'ec\'e5\'f0\'e</w:t>
      </w:r>
      <w:r w:rsidRPr="005A1F79">
        <w:rPr>
          <w:rFonts w:ascii="Courier New" w:hAnsi="Courier New" w:cs="Courier New"/>
        </w:rPr>
        <w:t>5 0.01% \'ee\'f2 \'f1\'f3\'ec\'ec\'fb \'ee\'f1\'f2\'e0\'f2\'ea\'e0 \'ee\'f1\'ed\'ee\'e2\'ed\'ee\'e3\'ee \'e4\'ee\'eb\'e3\'e0 \'ef\'ee \'ea\'f0\'e5\'e4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d\'ee\'ec\'f3 \'f1\'ee\'e3\'eb\'e0\'f8\'e5\'ed\'e8\'fe \'e2 \'f1\'eb\'f3\'f7\'e0\'e5 \'ed\'e5</w:t>
      </w:r>
      <w:r w:rsidRPr="005A1F79">
        <w:rPr>
          <w:rFonts w:ascii="Courier New" w:hAnsi="Courier New" w:cs="Courier New"/>
        </w:rPr>
        <w:t>\'e8\'f1\'ef\'ee\'eb\'ed\'e5\'ed\'e8\'ff\\\'ed\'e5\'ed\'e0\'e4\'eb\'e5\'e6\'e0\'f9\'e5\'e3\'ee \'e8\'f1\'ef\'ee\'eb\'ed\'e5\'ed\'e8\'ff \'e7\'e0\'e5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9\'e8\'ea\'ee\'ec \'f4\'e8\'ed\'e0\'ed\'f1\'ee\'e2\'fb\'f5 \'ea\'ee\'e2\'e5\'ed\'e0\'ed\'f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</w:t>
      </w:r>
      <w:r w:rsidRPr="005A1F79">
        <w:rPr>
          <w:rFonts w:ascii="Courier New" w:hAnsi="Courier New" w:cs="Courier New"/>
        </w:rPr>
        <w:t xml:space="preserve">}\pard\plain \ltrpar\s54\qj \fi-284\li284\ri0\widctlpar\wrapdefault\faauto\rin0\lin284\itap0\pararsid11283266 \rtlch\fcs1 \af1\afs24\alang1025 \ltrch\fcs0 \f1\fs24\cf1\lang1049\langfe1049\cgrid\langnp1049\langfenp1049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cf0\insrsid11283266\charrsid13642871 - \'ed\'e5\'f3\'f1\'f2\'ee\'e9\'ea\'e0 \'e2 \'f0\'e0\'e7\'ec\'e5\'f0\'e5 1/365 \'ec\'e0\'ea\'f1\'e8\'ec\'e0\'eb\'fc\'ed\'ee\'e9 \'ef\'f0\'ee\'f6\'e5\'ed\'f2\'ed\'ee\'e9 \'f1\'f2\'e0\'e2\'ea\'e8 \'e7\'e0 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</w:t>
      </w:r>
      <w:r w:rsidRPr="005A1F79">
        <w:rPr>
          <w:rFonts w:ascii="Courier New" w:hAnsi="Courier New" w:cs="Courier New"/>
        </w:rPr>
        <w:t xml:space="preserve">'e0\'e6\'e4\'fb\'e9 \'e4\'e5\'ed\'fc \'ef\'f0\'ee\'f1\'f0\'ee\'f7\'ea\'e8, \'ed\'e0\'f7\'e8\'f1\'eb\'ff\'e5\'ec\'e0\'ff \'ed\'e0 \'f1\'f3\'ec\'ec\'f3 \'ef\'f0\'ee\'f1\'f0\'ee\'f7\'e5\'ed\'ed\'ee\'e9 \'e7\'e0\'e4\'ee\'eb\'e6\'e5\'ed\'ed\'ee\'f1\'f2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</w:t>
      </w:r>
      <w:r w:rsidRPr="005A1F79">
        <w:rPr>
          <w:rFonts w:ascii="Courier New" w:hAnsi="Courier New" w:cs="Courier New"/>
        </w:rPr>
        <w:t xml:space="preserve">ef\'ee \'ee\'f1\'ed\'ee\'e2\'ed\'ee\'ec\'f3 \'e4\'ee\'eb\'e3\'f3}{\rtlch\fcs1 \af0\afs22 \ltrch\fcs0 \f0\fs22\insrsid11283266\charrsid13642871 ;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0\fs22\cf0\insrsid11283266\charrsid13642871 - \'ed\'e5\'f3\'f1\'f</w:t>
      </w:r>
      <w:r w:rsidRPr="005A1F79">
        <w:rPr>
          <w:rFonts w:ascii="Courier New" w:hAnsi="Courier New" w:cs="Courier New"/>
        </w:rPr>
        <w:t xml:space="preserve">2\'ee\'e9\'ea\'e0 \'e2 \'f0\'e0\'e7\'ec\'e5\'f0\'e5 2/365 \'ec\'e0\'ea\'f1\'e8\'ec\'e0\'eb\'fc\'ed\'ee\'e9 \'ef\'f0\'ee\'f6\'e5\'ed\'f2\'ed\'ee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2\'e0\'e2\'ea\'e8 \'e7\'e0 \'ea\'e0\'e6\'e4\'fb\'e9 \'e4\'e5\'ed\'fc \'ef\'f0\'ee\'f1\'f0\'ee\'f7\'</w:t>
      </w:r>
      <w:r w:rsidRPr="005A1F79">
        <w:rPr>
          <w:rFonts w:ascii="Courier New" w:hAnsi="Courier New" w:cs="Courier New"/>
        </w:rPr>
        <w:t>ea\'e8, \'ed\'e0\'f7\'e8\'f1\'eb\'ff\'e5\'ec\'e0\'ff \'ed\'e0 \'f1\'f3\'ec\'ec\'f3 \'ef\'f0\'ee\'f1\'f0\'ee\'f7\'e5\'ed\'ed\'ee\'e9 \'e7\'e0\'e4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6\'e5\'ed\'ed\'ee\'f1\'f2\'e8 \'ef\'ee \'ef\'f0\'ee\'f6\'e5\'ed\'f2\'e0\'ec/\'ea\'ee\'ec\'e8\'f1\'f</w:t>
      </w:r>
      <w:r w:rsidRPr="005A1F79">
        <w:rPr>
          <w:rFonts w:ascii="Courier New" w:hAnsi="Courier New" w:cs="Courier New"/>
        </w:rPr>
        <w:t xml:space="preserve">1\'e8\'ff\'ec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aspalpha\aspnum\faauto\adjustright\rin0\lin0\itap0\pararsid11283266 \rtlch\fcs1 \af0\afs20\alang1025 \ltrch\fcs0 \fs20\lang1049\langfe1049\cgrid\langnp1049\langfenp1049 {\rtlch\fc</w:t>
      </w:r>
      <w:r w:rsidRPr="005A1F79">
        <w:rPr>
          <w:rFonts w:ascii="Courier New" w:hAnsi="Courier New" w:cs="Courier New"/>
        </w:rPr>
        <w:t xml:space="preserve">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1283266\charrsid13642871  - \'ed\'e5\'f3\'f1\'f2\'ee\'e9\'ea\'e0 \'e2 \'f0\'e0\'e7\'ec\'e5\'f0\'e5 1/365 \'ec\'e0\'ea\'f1\'e8\'ec\'e0\'eb\'fc\'ed\'ee\'e9 \'ef\'f0\'ee\'f6\'e5\'ed\'f2\'ed\'ee\'e9 \'f1\'f2\'e0\'e2\'e</w:t>
      </w:r>
      <w:r w:rsidRPr="005A1F79">
        <w:rPr>
          <w:rFonts w:ascii="Courier New" w:hAnsi="Courier New" w:cs="Courier New"/>
        </w:rPr>
        <w:t xml:space="preserve">a\'e8 \'e7\'e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0\'e6\'e4\'fb\'e9 \'e4\'e5\'ed\'fc \'ef\'f0\'ee\'f1\'f0\'ee\'f7\'ea\'e8, \'ed\'e0\'f7\'e8\'f1\'eb\'ff\'e5\'ec\'e0\'ff \'ed\'e0 \'f1\'f3\'ec\'ec\'f3 \'ef\'f0\'ee\'f1\'f0\'ee\'f7\'e5\'ed\'ed\'ee\'e9 \'e7\'e0\'e4\'ee\'eb\'e6\'e5\'ed\'e</w:t>
      </w:r>
      <w:r w:rsidRPr="005A1F79">
        <w:rPr>
          <w:rFonts w:ascii="Courier New" w:hAnsi="Courier New" w:cs="Courier New"/>
        </w:rPr>
        <w:t>d\'ee\'f1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 \'ef\'ee \'ee\'f1\'ed\'ee\'e2\'ed\'ee\'ec\'f3 \'e4\'ee\'eb\'e3\'f3, \'e2 \'f1\'eb\'f3\'f7\'e0\'e5 \'ed\'e5\'e8\'f1\'ef\'ee\'eb\'ed\'e5\'ed\'e8\'ff \'e8\'eb\'e8 \'ed\'e5\'ed\'e0\'e4\'eb\'e5\'e6\'e0\'f9\'e5\'e3\'ee \'e8\'f1\'ef\'ee\'eb\'e</w:t>
      </w:r>
      <w:r w:rsidRPr="005A1F79">
        <w:rPr>
          <w:rFonts w:ascii="Courier New" w:hAnsi="Courier New" w:cs="Courier New"/>
        </w:rPr>
        <w:t>d\'e5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\'cf\'ee\'f0\'f3\'f7\'e8\'f2\'e5\'eb\'e5\'ec \'e4\'e5\'ed\'e5\'e6\'ed\'fb\'f5 \'ee\'e1\'ff\'e7\'e0\'f2\'e5\'eb\'fc\'f1\'f2\'e2 \'ef\'ee \'c4\'ee\'e3\'ee\'e2\'ee\'f0\'f3 \'ef\'ee\'f0\'f3\'f7\'e8\'f2\'e5\'eb\'fc\'f1\'f2\'e2\'e0 - \'c8\'ed</w:t>
      </w:r>
      <w:r w:rsidRPr="005A1F79">
        <w:rPr>
          <w:rFonts w:ascii="Courier New" w:hAnsi="Courier New" w:cs="Courier New"/>
        </w:rPr>
        <w:t>\'fb\'e5 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c\'e8\'f1\'f1\'e8\'e8, \'ed\'e0\'e4\'e1\'e0\'e2\'ea\'e8 \'ea \'ef\'f0\'ee\'f6\'e5\'ed\'f2\'ed\'ee\'e9 \'f1\'f2\'e0\'e2\'ea\'e5 \'e8 \'f1\'e0\'ed\'ea\'f6\'e8\'e8 (\'ed\'e5\'f3\'f1\'f2\'ee\'e9\'ea\'e8, \'f8\'f2\'f0\'e0\'f4\'fb, \'ef\'e5</w:t>
      </w:r>
      <w:r w:rsidRPr="005A1F79">
        <w:rPr>
          <w:rFonts w:ascii="Courier New" w:hAnsi="Courier New" w:cs="Courier New"/>
        </w:rPr>
        <w:t xml:space="preserve">\'ed\'e8 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.\'e4.), \'ef\'f0\'e5\'e4\'f3\'f1\'ec\'ee\'f2\'f0\'e5\'ed\'ed\'fb\'e5 \'ea\'f0\'e5\'e4\'e8\'f2\'ed\'fb\'ec \'f1\'ee\'e3\'eb\'e0\'f8\'e5\'ed\'e8\'e5\'ec \'e8 \'e4\'ee\'e3\'ee\'e2\'ee\'f0\'ee\'ec \'ef\'ee\'f0\'f3\'f7\'e8\'f2\'e5\'eb\'fc\'</w:t>
      </w:r>
      <w:r w:rsidRPr="005A1F79">
        <w:rPr>
          <w:rFonts w:ascii="Courier New" w:hAnsi="Courier New" w:cs="Courier New"/>
        </w:rPr>
        <w:t>f1\'f2\'e2\'e0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}{\rtlch\fcs1 \ab\af0\afs22 \ltrch\fcs0 \fs22\expnd4\expndtw20\insrsid11283266\charrsid13642871    }{\rtlch\fcs1 \af0\afs22 \ltrch\fcs0 \fs22\insrsid11283266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</w:t>
      </w:r>
      <w:r w:rsidRPr="005A1F79">
        <w:rPr>
          <w:rFonts w:ascii="Courier New" w:hAnsi="Courier New" w:cs="Courier New"/>
        </w:rPr>
        <w:t xml:space="preserve">\aspnum\faauto\adjustright\rin0\lin0\itap0\pararsid8323676 {\rtlch\fcs1 \af0\afs22 \ltrch\fcs0 \b\fs22\cf6\insrsid8323676\charrsid204767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317</w:t>
      </w:r>
      <w:r w:rsidRPr="005A1F79">
        <w:rPr>
          <w:rFonts w:ascii="Courier New" w:hAnsi="Courier New" w:cs="Courier New"/>
        </w:rPr>
        <w:t xml:space="preserve">5486\contextualspace {\rtlch\fcs1 \ab\af0\afs22 \ltrch\fcs0 \b\fs22\insrsid1991179\charrsid538368 \'c2\'ee\'ef\'f0\'ee\'f1 \'b9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b\af0\afs22 \ltrch\fcs0 \b\fs22\insrsid1991179  4}{\rtlch\fcs1 \ab\af0\afs22 \ltrch\fcs0 \b\fs22\insrsid1991179</w:t>
      </w:r>
      <w:r w:rsidRPr="005A1F79">
        <w:rPr>
          <w:rFonts w:ascii="Courier New" w:hAnsi="Courier New" w:cs="Courier New"/>
        </w:rPr>
        <w:t xml:space="preserve">\charrsid538368  \'ef\'ee\'e2\'e5\'f1\'f2\'ea\'e8 \'e4\'ed\'ff \'ee\'e1\'f9\'e5\'e3\'ee \'f1\'ee\'e1\'f0\'e0\'ed\'e8\'ff: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1991179\charrsid1991179  }{\rtlch\fcs1 \af0\afs22 \ltrch\fcs0 \fs22\insrsid3175486\</w:t>
      </w:r>
      <w:r w:rsidRPr="005A1F79">
        <w:rPr>
          <w:rFonts w:ascii="Courier New" w:hAnsi="Courier New" w:cs="Courier New"/>
        </w:rPr>
        <w:t xml:space="preserve">charrsid7568469 \'ce\'e1 \'ee\'e4\'ee\'e1\'f0\'e5\'ed\'e8\'e8 \'f1\'e4\'e5\'eb\'ea\'e8, \'f1\'ee\'e2\'e5\'f0\'f8\'e0\'e5\'ec\'ee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 \'e7\'e0\'e8\'ed\'f2\'e5\'f0\'e5\'f1\'ee\'e2\'e0\'ed\'ed\'ee\'f1\'f2\'fc\'fe \endash  \'e4\'ee\'e3\'ee\'e2\'ee\'f0\'</w:t>
      </w:r>
      <w:r w:rsidRPr="005A1F79">
        <w:rPr>
          <w:rFonts w:ascii="Courier New" w:hAnsi="Courier New" w:cs="Courier New"/>
        </w:rPr>
        <w:t>e0 \'ef\'ee\'f0\'f3\'f7\'e8\'f2\'e5\'eb\'fc\'f1\'f2\'e2\'e0 \'b9\'c4\'cf1-\'d6\'d3-702750/2021/00032 \'ee\'f2 03.06.2021 \'e3. 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6\'e4\'f3 \'c0\'ce \'ab\'d2\'e5\'f0\'ec\'e8\'ed\'e0\'eb \'c0\'f1\'f2\'e0\'f4\'fc\'e5\'e2\'e0\'bb (\'c8\'cd\'cd 25080</w:t>
      </w:r>
      <w:r w:rsidRPr="005A1F79">
        <w:rPr>
          <w:rFonts w:ascii="Courier New" w:hAnsi="Courier New" w:cs="Courier New"/>
        </w:rPr>
        <w:t>01618) \'e8 \'c1\'e0\'ed\'ea\'ee\'ec \'c2\'d2\'c1 (\'ef\'f3\'e1\'eb\'e8\'f7\'ed\'ee\'e5 \'e0\'ea\'f6\'e8\'ee\'ed\'e5\'f0\'ed\'ee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\'ee\'e1\'f9\'e5\'f1\'f2\'e2\'ee) \'ef\'ee \'ea\'f0\'e5\'e4\'e8\'f2\'ed\'fb\'ec \'ee\'e1\'ff\'e7\'e0\'f2\'e5\'eb\'fc\'f1\</w:t>
      </w:r>
      <w:r w:rsidRPr="005A1F79">
        <w:rPr>
          <w:rFonts w:ascii="Courier New" w:hAnsi="Courier New" w:cs="Courier New"/>
        </w:rPr>
        <w:t>'f2\'e2\'e0\'ec \'ce\'ce\'ce \'ab\'c4\'e0\'eb\'fc\'d0\'fb\'e1\'cf\'ee\'f0\'f2\'bb (\'c8\'cd\'cd 2537047582), \'e2\'ee\'e7\'ed\'e8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e\'f9\'e8\'ec \'e8\'e7 \'ea\'f0\'e5\'e4\'e8\'f2\'ed\'ee\'e3\'ee \'f1\'ee\'e3\'eb\'e0\'f8\'e5\'ed\'e8\'ff \'b9 \'ca</w:t>
      </w:r>
      <w:r w:rsidRPr="005A1F79">
        <w:rPr>
          <w:rFonts w:ascii="Courier New" w:hAnsi="Courier New" w:cs="Courier New"/>
        </w:rPr>
        <w:t>\'d1-\'d6\'d3-702750/2021/00032 \'ee\'f2 03.06.2021 \'e3. \'ec\'e5\'e6\'e4\'f3 \'ce\'ce\'ce \'ab\'c4\'e0\'eb\'fc\'d0\'fb\'e1\'c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f2\'bb (\'c8\'cd\'cd 2537047582) \'e8 \'c1\'e0\'ed\'ea\'ee\'ec \'c2\'d2\'c1 (\'cf\'c0\'ce) \endash  \'ea\'f0\'e5\'e4</w:t>
      </w:r>
      <w:r w:rsidRPr="005A1F79">
        <w:rPr>
          <w:rFonts w:ascii="Courier New" w:hAnsi="Courier New" w:cs="Courier New"/>
        </w:rPr>
        <w:t>\'e8\'f2\'ed\'ee\'e9 \'eb\'e8\'ed\'e8\'e8 \'f1 \'eb\'e8\'ec\'e8\'f2\'ee\'ec \'e2\'fb\'e4\'e0\'f7\'e8 \'e2 \'f1\'f3\'ec\'ec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108 529 411.76 \'f0\'f3\'e1\'eb\'e5\'e9 \'f1\'f0\'ee\'ea\'ee\'ec \'e4\'ee 10.07.2023\'e3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</w:t>
      </w:r>
      <w:r w:rsidRPr="005A1F79">
        <w:rPr>
          <w:rFonts w:ascii="Courier New" w:hAnsi="Courier New" w:cs="Courier New"/>
        </w:rPr>
        <w:t xml:space="preserve">tlpar\wrapdefault\aspalpha\aspnum\faauto\adjustright\rin0\lin0\itap0\pararsid1991179 {\rtlch\fcs1 \ab\af0\afs22 \ltrch\fcs0 \b\fs22\insrsid1101138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</w:t>
      </w:r>
      <w:r w:rsidRPr="005A1F79">
        <w:rPr>
          <w:rFonts w:ascii="Courier New" w:hAnsi="Courier New" w:cs="Courier New"/>
        </w:rPr>
        <w:t>ararsid8323676 {\rtlch\fcs1 \ab\af0\afs22 \ltrch\fcs0 \b\fs22\insrsid472349\charrsid538368 \'d0\'e5\'e7\'f3\'eb\'fc\'f2\'e0\'f2\'fb \'e3\'ee\'eb\'ee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2\'e0\'ed\'e8\'ff}{\rtlch\fcs1 \af0\afs22 \ltrch\fcs0 \b\fs22\insrsid472349\charrsid538368  }{\</w:t>
      </w:r>
      <w:r w:rsidRPr="005A1F79">
        <w:rPr>
          <w:rFonts w:ascii="Courier New" w:hAnsi="Courier New" w:cs="Courier New"/>
        </w:rPr>
        <w:t>rtlch\fcs1 \af0\afs22 \ltrch\fcs0 \b\fs22\insrsid8323676\charrsid538368 \'ef\'ee }{\rtlch\fcs1 \af0\afs22 \ltrch\fcs0 \b\fs22\insrsid8323676 \'f7\'e5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5\'f0\'f2\'ee\'ec\'f3}{\rtlch\fcs1 \af0\afs22 \ltrch\fcs0 \b\fs22\insrsid8323676\charrsid53836</w:t>
      </w:r>
      <w:r w:rsidRPr="005A1F79">
        <w:rPr>
          <w:rFonts w:ascii="Courier New" w:hAnsi="Courier New" w:cs="Courier New"/>
        </w:rPr>
        <w:t xml:space="preserve">8  \'e2\'ee\'ef\'f0\'ee\'f1\'f3 \'ef\'ee\'e2\'e5\'f1\'f2\'ea\'e8 \'e4\'ed\'ff: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b\fs22\cf6\insrsid8323676\charrsid538368  }{\rtlch\fcs1 \af0\afs22 \ltrch\fcs0 \b\fs22\cf6\insrsid832367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</w:t>
      </w:r>
      <w:r w:rsidRPr="005A1F79">
        <w:rPr>
          <w:rFonts w:ascii="Courier New" w:hAnsi="Courier New" w:cs="Courier New"/>
        </w:rPr>
        <w:t xml:space="preserve">0\sb120\widctlpar\tx4536\wrapdefault\aspalpha\aspnum\faauto\adjustright\rin0\lin0\itap0\pararsid3175486 {\rtlch\fcs1 \af0\afs22 \ltrch\fcs0 \fs22\insrsid3175486\charrsid2451716 \'d7\'e8\'f1\'eb\'ee \'e3\'ee\'eb\'ee\'f1\'ee\'e2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e\'f2\'ee\'f0\'fb\'</w:t>
      </w:r>
      <w:r w:rsidRPr="005A1F79">
        <w:rPr>
          <w:rFonts w:ascii="Courier New" w:hAnsi="Courier New" w:cs="Courier New"/>
        </w:rPr>
        <w:t>ec\'e8 \'ee\'e1\'eb\'e0\'e4\'e0\'eb\'e8 \'eb\'e8\'f6\'e0, \'e2\'ea\'eb\'fe\'f7\'e5\'ed\'ed\'fb\'e5 \'e2 \'f1\'ef\'e8\'f1\'ee\'ea \'eb\'e8\'f6, \'e8\'ec\'e5\'e2\'f8\'e8\'f5 \'ef\'f0\'e0\'e2\'ee \'ed\'e0 \'f3\'f7\'e0\'f1\'f2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2  \'ee\'e1\'f9\'e5\</w:t>
      </w:r>
      <w:r w:rsidRPr="005A1F79">
        <w:rPr>
          <w:rFonts w:ascii="Courier New" w:hAnsi="Courier New" w:cs="Courier New"/>
        </w:rPr>
        <w:t>'ec \'f1\'ee\'e1\'f0\'e0\'ed\'e8\'e8 \'e0\'ea\'f6\'e8\'ee\'ed\'e5\'f0\'ee\'e2, \'ef\'ee \'e4\'e0\'ed\'ed\'ee\'ec\'f3 \'e2\'ee\'ef\'f0\'ee\'f1\'f3 \'ef\'ee\'e2\'e5\'f1\'f2\'ea\'e8 \'e4\'ed\'ff \'ee\'e1\'f9\'e5\'e3\'ee \'f1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1\'f0\'e0\'ed\'e8\'ff, -  </w:t>
      </w:r>
      <w:r w:rsidRPr="005A1F79">
        <w:rPr>
          <w:rFonts w:ascii="Courier New" w:hAnsi="Courier New" w:cs="Courier New"/>
        </w:rPr>
        <w:t xml:space="preserve">830 380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f\'f0\'e8\'f5\'ee\'e4\'e8\'e2\'f8\'e8\'f5\'f1\'ff \'ed\'e0 \'e3\'ee\'eb\'ee\'f1\'f3\'fe\'f9\'e8\'e5 \'e0\'ea\'f6\'e8\'e8 \'ee\'e1\'f9\'e5\'f1\'f2\'e2\'e0, \'ef\'ee \'e4\'e0\'ed\'ed\'ee\'</w:t>
      </w:r>
      <w:r w:rsidRPr="005A1F79">
        <w:rPr>
          <w:rFonts w:ascii="Courier New" w:hAnsi="Courier New" w:cs="Courier New"/>
        </w:rPr>
        <w:t>ec\'f3 \'e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e\'f1\'f3 \'ef\'ee\'e2\'e5\'f1\'f2\'ea\'e8 \'e4\'ed\'ff \'ee\'e1\'f9\'e5\'e3\'ee \'f1\'ee\'e1\'f0\'e0\'ed\'e8\'ff, \'ee\'ef\'f0\'e5\'e4\'e5\'eb\'e5\'ed\'ed\'ee\'e5 \'f1 \'f3\'f7\'e5\'f2\'ee\'ec \'f2\'f0\'e5\'e1\'ee\'e2\'e0\'ed\'</w:t>
      </w:r>
      <w:r w:rsidRPr="005A1F79">
        <w:rPr>
          <w:rFonts w:ascii="Courier New" w:hAnsi="Courier New" w:cs="Courier New"/>
        </w:rPr>
        <w:t>e8\'e9 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. 4.24. \'cf\'ee\'eb\'ee\'e6\'e5\'ed\'e8\'e5 \'c1\'e0\'ed\'ea\'e0 \'d0\'ee\'f1\'f1\'e8\'e8 \'b9 660-\'cf \'ee\'f2 16.11.2018\'e3. \'ab\'ce\'e1 \'ee\'e1\'f9\'e8\'f5 \'f1\'ee\'e1\'f0\'e0\'ed\'e8\'ff\'f5 \'e0\'ea\'f6\'e8\'ee\'ed\'e5\'f0\'ee\'e2\'</w:t>
      </w:r>
      <w:r w:rsidRPr="005A1F79">
        <w:rPr>
          <w:rFonts w:ascii="Courier New" w:hAnsi="Courier New" w:cs="Courier New"/>
        </w:rPr>
        <w:t xml:space="preserve">bb, \endash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}{\rtlch\fcs1 \af0\afs22 \ltrch\fcs0 \fs22\insrsid3175486\charrsid5180846 377\~387.}{\rtlch\fcs1 \af0\afs22 \ltrch\fcs0 \fs22\insrsid3175486\charrsid245171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a\'ee\'f2\'ee\'f0\'fb\'</w:t>
      </w:r>
      <w:r w:rsidRPr="005A1F79">
        <w:rPr>
          <w:rFonts w:ascii="Courier New" w:hAnsi="Courier New" w:cs="Courier New"/>
        </w:rPr>
        <w:t>ec\'e8 \'ee\'e1\'eb\'e0\'e4\'e0\'eb\'e8 \'eb\'e8\'f6\'e0, }{\rtlch\fcs1 \af0\afs22 \ltrch\fcs0 \fs22\insrsid3175486 \'ed\'e5 \'e7\'e0\'e8\'ed\'f2\'e5\'f0\'e5\'f1\'ee\'e2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fb\'e5 \'e2 \'f1\'ee\'e2\'e5\'f0\'f8\'e5\'ed\'e8\'e8 \'ee\'e1\'f9\'e5\'</w:t>
      </w:r>
      <w:r w:rsidRPr="005A1F79">
        <w:rPr>
          <w:rFonts w:ascii="Courier New" w:hAnsi="Courier New" w:cs="Courier New"/>
        </w:rPr>
        <w:t>f1\'f2\'e2\'ee\'ec \'f1\'e4\'e5\'eb\'ea\'e8,  }{\rtlch\fcs1 \af0\afs22 \ltrch\fcs0 \fs22\insrsid3175486\charrsid2451716 \'ef\'f0\'e8\'ed\'ff\'e2\'f8\'e8\'e5 \'f3\'f7\'e0\'f1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5  \'e2 \'ee\'e1\'f9\'e5\'ec  \'f1\'ee\'e1\'f0\'e0\'ed\'e8\'e8, \'ef\'</w:t>
      </w:r>
      <w:r w:rsidRPr="005A1F79">
        <w:rPr>
          <w:rFonts w:ascii="Courier New" w:hAnsi="Courier New" w:cs="Courier New"/>
        </w:rPr>
        <w:t xml:space="preserve">ee \'e4\'e0\'ed\'ed\'ee\'ec\'f3 \'e2\'ee\'ef\'f0\'ee\'f1\'f3 \'ef\'ee\'e2\'e5\'f1\'f2\'ea\'e8 \'e4\'ed\'ff \'f1\'ee\'e1\'f0\'e0\'ed\'e8\'ff,  - 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3175486 288 931}{\rtlch\fcs1 \af0\afs22 \ltrch\fcs0 \fs22\in</w:t>
      </w:r>
      <w:r w:rsidRPr="005A1F79">
        <w:rPr>
          <w:rFonts w:ascii="Courier New" w:hAnsi="Courier New" w:cs="Courier New"/>
        </w:rPr>
        <w:t xml:space="preserve">srsid3175486\charrsid2451716 .}{\rtlch\fcs1 \af0\afs22 \ltrch\fcs0 \fs22\insrsid317548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x4536\wrapdefault\aspalpha\aspnum\faauto\adjustright\rin0\lin0\itap0\pararsid3175486 {\rtlch\fcs1 \af0\afs22 \ltrch\fcs0 \f</w:t>
      </w:r>
      <w:r w:rsidRPr="005A1F79">
        <w:rPr>
          <w:rFonts w:ascii="Courier New" w:hAnsi="Courier New" w:cs="Courier New"/>
        </w:rPr>
        <w:t>s22\insrsid3175486\charrsid2451716 \'ca\'e2\'ee\'f0\'f3\'ec \'ef\'ee \'e4\'e0\'ed\'ed\'ee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 \'e2\'ee\'ef\'f0\'ee\'f1\'f3 \'ef\'ee\'e2\'e5\'f1\'f2\'ea\'e8 \'e4\'ed\'ff \'e8\'ec\'e5}{\rtlch\fcs1 \af0\afs22 \ltrch\fcs0 \fs22\insrsid3175486 \'eb\'f1\'f</w:t>
      </w:r>
      <w:r w:rsidRPr="005A1F79">
        <w:rPr>
          <w:rFonts w:ascii="Courier New" w:hAnsi="Courier New" w:cs="Courier New"/>
        </w:rPr>
        <w:t xml:space="preserve">f}{\rtlch\fcs1 \af0\afs22 \ltrch\fcs0 \fs22\insrsid3175486\charrsid2451716 .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f0\afs22 \ltrch\fcs0 \fs22\insrsid3175486\charrsid1287735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4\qj \li0\ri0\widctlpar\tx4536\wrapdefault\aspalpha\aspnum\faauto\adjustr</w:t>
      </w:r>
      <w:r w:rsidRPr="005A1F79">
        <w:rPr>
          <w:rFonts w:ascii="Courier New" w:hAnsi="Courier New" w:cs="Courier New"/>
        </w:rPr>
        <w:t xml:space="preserve">ight\rin0\lin0\itap0\pararsid3175486 \rtlch\fcs1 \af0\afs20\alang1025 \ltrch\fcs0 \fs24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3175486\charrsid2451716 \'d7\'e8\'f1\'eb\'ee \'e3\'ee\'eb\'ee\'f1\'</w:t>
      </w:r>
      <w:r w:rsidRPr="005A1F79">
        <w:rPr>
          <w:rFonts w:ascii="Courier New" w:hAnsi="Courier New" w:cs="Courier New"/>
        </w:rPr>
        <w:t>ee\'e2, \'ee\'f2\'e4\'e0\'ed\'ed\'fb\'f5 \'e7\'e0 \'ea\'e0\'e6\'e4\'fb\'e9 \'e8\'e7 \'e2\'e0\'f0\'e8\'e0\'ed\'f2\'ee\'e2 \'e3\'ee\'eb\'ee\'f1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d\'e8\'ff \'ef\'ee \'e4\'e0\'ed\'ed\'ee\'ec\'f3 \'e2\'ee\'ef\'f0\'ee\'f1\'f3 \'ef\'ee\'e2\'e5\'f1\</w:t>
      </w:r>
      <w:r w:rsidRPr="005A1F79">
        <w:rPr>
          <w:rFonts w:ascii="Courier New" w:hAnsi="Courier New" w:cs="Courier New"/>
        </w:rPr>
        <w:t>'f2\'ea\'e8 \'e4\'ed\'ff \'f1\'ee\'e1\'f0\'e0\'ed\'e8\'ff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fi709\li0\ri0\widctlpar\wrapdefault\aspalpha\aspnum\faauto\adjustright\rin0\lin0\itap0\pararsid3175486 \rtlch\fcs1 \af0\afs20\alang1025 \ltrch\fcs0 \fs20\lang1049\lan</w:t>
      </w:r>
      <w:r w:rsidRPr="005A1F79">
        <w:rPr>
          <w:rFonts w:ascii="Courier New" w:hAnsi="Courier New" w:cs="Courier New"/>
        </w:rPr>
        <w:t xml:space="preserve">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3175486\charrsid3175486 \'ab\'e7\'e0\'bb -  288 904;     \'ab\'ef\'f0\'ee\'f2\'e8\'e2\'bb -  0;     \'ab\'e2\'ee\'e7\'e4\'e5\'f0\'e6\'e0\'eb\'f1\'ff\'bb - 0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</w:t>
      </w:r>
      <w:r w:rsidRPr="005A1F79">
        <w:rPr>
          <w:rFonts w:ascii="Courier New" w:hAnsi="Courier New" w:cs="Courier New"/>
        </w:rPr>
        <w:t xml:space="preserve">ard \ltrpar\qj \li0\ri0\widctlpar\wrapdefault\aspalpha\aspnum\faauto\adjustright\rin0\lin0\itap0\pararsid8323676 {\rtlch\fcs1 \af0\afs22 \ltrch\fcs0 \b\fs22\cf6\insrsid4723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</w:t>
      </w:r>
      <w:r w:rsidRPr="005A1F79">
        <w:rPr>
          <w:rFonts w:ascii="Courier New" w:hAnsi="Courier New" w:cs="Courier New"/>
        </w:rPr>
        <w:t xml:space="preserve">justright\rin0\lin0\itap0\pararsid9463829 {\rtlch\fcs1 \af0\afs22 \ltrch\fcs0 \b\fs22\insrsid8323676\charrsid4869905 \'d0\'e5\'f8\'e5\'ed\'e8\'e5 \'f1\'ee\'e1\'f0\'e0\'ed\'e8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e \'f7\'e5\'f2\'e2\'e5\'f0\'f2\'ee\'ec\'f3 \'e2\'ee\'ef\'f0\'ee\'f1\</w:t>
      </w:r>
      <w:r w:rsidRPr="005A1F79">
        <w:rPr>
          <w:rFonts w:ascii="Courier New" w:hAnsi="Courier New" w:cs="Courier New"/>
        </w:rPr>
        <w:t xml:space="preserve">'f3 \'ef\'ee\'e2\'e5\'f1\'f2\'ea\'e8 \'e4\'ed\'ff: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4869905 {\rtlch\fcs1 \af0\afs22 \ltrch\fcs0 \fs22\insrsid4869905 \'ce}{\rtlch\fcs1 \af0\af</w:t>
      </w:r>
      <w:r w:rsidRPr="005A1F79">
        <w:rPr>
          <w:rFonts w:ascii="Courier New" w:hAnsi="Courier New" w:cs="Courier New"/>
        </w:rPr>
        <w:t xml:space="preserve">s22 \ltrch\fcs0 \fs22\insrsid4869905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e\'e1\'f0\'e8\'f2\'fc \'f1\'e4\'e5\'eb\'ea\'f3, \'f1\'ee\'e2\'e5\'f0\'f8\'e0\'e5\'ec\'f3\'fe \'f1 \'e7\'e0\'e8\'ed\'f2\'e5\'f0\'e5\'f1\'ee\'e2\'e0\'ed\'ed\'ee\'f1\'f2\'fc\'fe }{\rtlch\fcs1 \af0</w:t>
      </w:r>
      <w:r w:rsidRPr="005A1F79">
        <w:rPr>
          <w:rFonts w:ascii="Courier New" w:hAnsi="Courier New" w:cs="Courier New"/>
        </w:rPr>
        <w:t xml:space="preserve">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cf17\chshdng0\chcfpat0\chcbpat8\insrsid4869905\charrsid13642871 \'ca\'ee\'ed\'e4\'f0\'e0\'f2\'ee\'e2\'e0 \'d0.\'c2., \'ff\'e2\'eb\'ff\'fe\'f9\'e5\'e3\'ee\'f1\'ff \'e5\'e4\'e8\'ed\'ee\'eb\'e8\'f7\'ed\'fb\'ec \'e8\'f1\'ef\'ee\'eb\'</w:t>
      </w:r>
      <w:r w:rsidRPr="005A1F79">
        <w:rPr>
          <w:rFonts w:ascii="Courier New" w:hAnsi="Courier New" w:cs="Courier New"/>
        </w:rPr>
        <w:t>ed\'e8\'f2\'e5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c\'ed\'fb\'ec \'ee\'f0\'e3\'e0\'ed\'ee\'ec, \'f7\'eb\'e5\'ed\'ee\'ec \'f1\'ee\'e2\'e5\'f2\'e0 \'e4\'e8\'f0\'e5\'ea\'f2\'ee\'f0\'ee\'e2, \'ea\'ee\'ed\'f2\'f0\'ee\'eb\'e8\'f0\'f3\'fe\'f9\'e8\'ec \'eb\'e8\'f6\'ee\'ec \'cf\'ee\'f0\'f3\'f</w:t>
      </w:r>
      <w:r w:rsidRPr="005A1F79">
        <w:rPr>
          <w:rFonts w:ascii="Courier New" w:hAnsi="Courier New" w:cs="Courier New"/>
        </w:rPr>
        <w:t>7\'e8\'f2\'e5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(\'ca\'ee\'ed\'e4\'f0\'e0\'f2\'ee\'e2 \'d0.\'c2. \'ff\'e2\'eb\'ff\'e5\'f2\'f1\'ff \'e0\'ea\'f6\'e8\'ee\'ed\'e5\'f0\'ee\'ec, \'ea\'ee\'f2\'ee\'f0\'ee\'ec\'f3 \'ef\'f0\'e8\'ed\'e0\'e4\'eb\'e5\'e6\'e8\'f2 28,0% \'e0\'ea\'f6\'e8\'e9, \'</w:t>
      </w:r>
      <w:r w:rsidRPr="005A1F79">
        <w:rPr>
          <w:rFonts w:ascii="Courier New" w:hAnsi="Courier New" w:cs="Courier New"/>
        </w:rPr>
        <w:t>e0 \'f2\'e0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6\'e5 \'ea\'ee\'ed\'f2\'f0\'ee\'eb\'e8\'f0\'f3\'fe\'f9\'e8\'ec \'eb\'e8\'f6\'ee\'ec \'e0\'ea\'f6\'e8\'ee\'ed\'e5\'f0\'e0 \'ce\'ce\'ce \'c0\'ea\'e2\'e0-\'d0\'e5\'f1\'f3\'f0\'f1\'fb, \'ea\'ee\'f2\'ee\'f0\'ee\'ec\'f3 \'ef\'f0\'e8\'ed\'e0\'</w:t>
      </w:r>
      <w:r w:rsidRPr="005A1F79">
        <w:rPr>
          <w:rFonts w:ascii="Courier New" w:hAnsi="Courier New" w:cs="Courier New"/>
        </w:rPr>
        <w:t>e4\'eb\'e5\'e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2 28,78% \'e0\'ea\'f6\'e8\'e9 \'c0\'ce \'ab\'d2\'e5\'f0\'ec\'e8\'ed\'e0\'eb \'c0\'f1\'f2\'e0\'f4\'fc\'e5\'e2\'e0\'bb), \'e0 \'f2\'e0\'ea\'e6\'e5\~\~ \'ea\'ee\'ed\'f2\'f0\'ee\'eb\'e8\'f0\'f3\'fe\'f9\'e8\'ec \'eb\'e8\'f6\'ee\'ec \'c7\'</w:t>
      </w:r>
      <w:r w:rsidRPr="005A1F79">
        <w:rPr>
          <w:rFonts w:ascii="Courier New" w:hAnsi="Courier New" w:cs="Courier New"/>
        </w:rPr>
        <w:t>e0\'e5\'ec\'f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a\'e0,\~\'e2\'eb\'e0\'e4\'e5\'fe\'f9\'e8\'ec \'e4\'ee\'eb\'e5\'e9 \'e2 \'f0\'e0\'e7\'ec\'e5\'f0\'e5 100% \'e2 \'f3\'f1\'f2\'e0\'e2\'ed\'ee\'ec \'ea\'e0\'ef\'e8\'f2\'e0\'eb\'e5 \'ce\'ce\'ce \'ab\'c0\'ed\'ea\'ee\'f0\'bb (\'c8\'cd\'cd 2</w:t>
      </w:r>
      <w:r w:rsidRPr="005A1F79">
        <w:rPr>
          <w:rFonts w:ascii="Courier New" w:hAnsi="Courier New" w:cs="Courier New"/>
        </w:rPr>
        <w:t xml:space="preserve">537133841)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e\'f2\'ee\'f0\'ee\'e5 \'ff\'e2\'eb\'ff\'e5\'f2\'f1\'ff \'f3\'f7\'e0\'f1\'f2\'ed\'e8\'ea\'ee\'ec \'c7\'e0\'e5\'ec\'f9\'e8\'ea\'e0 \'f1 \'e4\'ee\'eb\'e5\'e9 \'e2 \'f0\'e0\'e7\'ec\'e5\'f0\'e5 99% - \'e2\'fb\'e3\'ee\'e4\'ee\'ef\'f0\'e8\'ee</w:t>
      </w:r>
      <w:r w:rsidRPr="005A1F79">
        <w:rPr>
          <w:rFonts w:ascii="Courier New" w:hAnsi="Courier New" w:cs="Courier New"/>
        </w:rPr>
        <w:t>\'e1\'f0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0\'f2\'e5\'eb\'ff \'ef\'ee \'f1\'e4\'e5\'eb\'ea\'e5}{\rtlch\fcs1 \af0\afs22 \ltrch\fcs0 \fs22\insrsid4869905\charrsid13642871 , \'e0 \'e8\'ec\'e5\'ed\'ed\'ee \'e4\'ee\'e3\'ee\'e2\'ee\'f0 \'ef\'ee\'f0\'f3\'f7\'e8\'f2\'e5\'eb\'fc\'f1\'f2</w:t>
      </w:r>
      <w:r w:rsidRPr="005A1F79">
        <w:rPr>
          <w:rFonts w:ascii="Courier New" w:hAnsi="Courier New" w:cs="Courier New"/>
        </w:rPr>
        <w:t>\'e2\'e0 \'b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4\'cf1-\'d6\'d3-702750/2021/00032 \'ee\'f2 03.06.2021 \'e3. \'ec\'e5\'e6\'e4\'f3 \'c0\'ce \'ab\'d2\'e5\'f0\'ec\'e8\'ed\'e0\'eb \'c0\'f1\'f2\'e0\'f4\'fc\'e5\'e2\'e0\'bb (\'c8\'cd\'cd 2508001618) \'e8 \'c1\'e0\'ed\'ea\'ee\'ec \'c2\'d2\'c1 (</w:t>
      </w:r>
      <w:r w:rsidRPr="005A1F79">
        <w:rPr>
          <w:rFonts w:ascii="Courier New" w:hAnsi="Courier New" w:cs="Courier New"/>
        </w:rPr>
        <w:t>\'ef\'f3\'e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8\'f7\'ed\'ee\'e5 \'e0\'ea\'f6\'e8\'ee\'ed\'e5\'f0\'ed\'ee\'e5 \'ee\'e1\'f9\'e5\'f1\'f2\'e2\'ee) \'ef\'ee \'ea\'f0\'e5\'e4\'e8\'f2\'ed\'fb\'ec \'ee\'e1\'ff\'e7\'e0\'f2\'e5\'eb\'fc\'f1\'f2\'e2\'e0\'ec \'ce\'ce\'ce \'ab\'c4\'e0\'eb\'fc\'</w:t>
      </w:r>
      <w:r w:rsidRPr="005A1F79">
        <w:rPr>
          <w:rFonts w:ascii="Courier New" w:hAnsi="Courier New" w:cs="Courier New"/>
        </w:rPr>
        <w:t>d0\'fb\'e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f\'ee\'f0\'f2\'bb (\'c8\'cd\'cd 2537047582), \'e2\'ee\'e7\'ed\'e8\'ea\'e0\'fe\'f9\'e8\'ec \'e8\'e7 \'ea\'f0\'e5\'e4\'e8\'f2\'ed\'ee\'e3\'ee \'f1\'ee\'e3\'eb\'e0\'f8\'e5\'ed\'e8\'ff \'b9 \'ca\'d1-\'d6\'d3-702750/2021/00032 \'ee\'f2 03.06.2021</w:t>
      </w:r>
      <w:r w:rsidRPr="005A1F79">
        <w:rPr>
          <w:rFonts w:ascii="Courier New" w:hAnsi="Courier New" w:cs="Courier New"/>
        </w:rPr>
        <w:t xml:space="preserve"> \'e3. 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6\'e4\'f3 \'ce\'ce\'ce \'ab\'c4\'e0\'eb\'fc\'d0\'fb\'e1\'cf\'ee\'f0\'f2\'bb (\'c8\'cd\'cd 2537047582) \'e8 \'c1\'e0\'ed\'ea\'ee\'ec \'c2\'d2\'c1 (\'cf\'c0\'ce) \endash  \'ea\'f0\'e5\'e4\'e8\'f2\'ed\'ee\'e9 \'eb\'e8\'ed\'e8\'e8 \'f1 \'eb</w:t>
      </w:r>
      <w:r w:rsidRPr="005A1F79">
        <w:rPr>
          <w:rFonts w:ascii="Courier New" w:hAnsi="Courier New" w:cs="Courier New"/>
        </w:rPr>
        <w:t>\'e8\'ec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e\'ec \'e2\'fb\'e4\'e0\'f7\'e8 \'e2 \'f1\'f3\'ec\'ec\'e5 108 529 411.76 \'f0\'f3\'e1\'eb\'e5\'e9 \'f1\'f0\'ee\'ea\'ee\'ec \'e4\'ee 10.07.2023\'e3. (\'e4\'e0\'eb\'e5\'e5 \'f2\'e0\'ea\'e6\'e5 \'d1\'ee\'e3\'eb\'e0\'f8\'e5\'ed\'e8\'e5/\'ca</w:t>
      </w:r>
      <w:r w:rsidRPr="005A1F79">
        <w:rPr>
          <w:rFonts w:ascii="Courier New" w:hAnsi="Courier New" w:cs="Courier New"/>
        </w:rPr>
        <w:t>\'f0\'e5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2\'ed\'ee\'e5 \'f1\'ee\'e3\'eb\'e0\'f8\'e5\'ed\'e8\'e5) \'ed\'e0 \'f1\'eb\'e5\'e4\'f3\'fe\'f9\'e8\'f5 \'f3\'f1\'eb\'ee\'e2\'e8\'ff\'f5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8\li0\ri0\widctlpar\wrapdefault\aspalpha\aspnum\faauto\adjustright\rin</w:t>
      </w:r>
      <w:r w:rsidRPr="005A1F79">
        <w:rPr>
          <w:rFonts w:ascii="Courier New" w:hAnsi="Courier New" w:cs="Courier New"/>
        </w:rPr>
        <w:t>0\lin0\itap0\pararsid4869905 {\rtlch\fcs1 \ab\af0\afs22 \ltrch\fcs0 \b\fs22\expnd4\expndtw20\insrsid4869905\charrsid13642871 \'c2\'e8\'e4 \'f1\'e4\'e5\'eb\'ea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:}{\rtlch\fcs1 \ab\af0\afs22 \ltrch\fcs0 \fs22\expnd4\expndtw20\insrsid4869905\charrsid13642</w:t>
      </w:r>
      <w:r w:rsidRPr="005A1F79">
        <w:rPr>
          <w:rFonts w:ascii="Courier New" w:hAnsi="Courier New" w:cs="Courier New"/>
        </w:rPr>
        <w:t>871  \'ca\'f0\'e5\'e4\'e8\'f2\'ed\'e0\'ff \'eb\'e8\'ed\'e8\'ff \'f1 \'eb\'e8\'ec\'e8\'f2\'ee\'ec \'e2\'fb\'e4\'e0\'f7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567\li0\ri0\widctlpar\wrapdefault\aspalpha\aspnum\faauto\adjustright\rin0\lin0\itap0\pararsid4869905 {\rtl</w:t>
      </w:r>
      <w:r w:rsidRPr="005A1F79">
        <w:rPr>
          <w:rFonts w:ascii="Courier New" w:hAnsi="Courier New" w:cs="Courier New"/>
        </w:rPr>
        <w:t xml:space="preserve">ch\fcs1 \ab\af0\afs22 \ltrch\fcs0 \fs22\expnd4\expndtw20\insrsid4869905\charrsid13642871 - \'ca\'f0\'e5\'e4\'e8\'f2\'ee\'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endash  \'c1\'e0\'ed\'ea \'c2\'d2\'c1 (\'cf\'c0\'ce)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 \'c7\'e0\'e5\'ec\'f9\'e8\'ea \endash }{\rtlch\fcs1 \af0\afs22 \ltrch</w:t>
      </w:r>
      <w:r w:rsidRPr="005A1F79">
        <w:rPr>
          <w:rFonts w:ascii="Courier New" w:hAnsi="Courier New" w:cs="Courier New"/>
        </w:rPr>
        <w:t xml:space="preserve">\fcs0 \fs22\insrsid4869905\charrsid13642871  \'ce\'ce\'ce \'ab\'c4\'e0\'eb\'fc\'d0\'fb\'e1\'cf\'ee\'f0\'f2\'bb (\'c8\'cd\'cd 2537047582)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s22\expnd4\expndtw20\insrsid4869905\charrsid13642871  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</w:t>
      </w:r>
      <w:r w:rsidRPr="005A1F79">
        <w:rPr>
          <w:rFonts w:ascii="Courier New" w:hAnsi="Courier New" w:cs="Courier New"/>
        </w:rPr>
        <w:t>r\qj \fi708\li0\ri0\widctlpar\wrapdefault\aspalpha\aspnum\faauto\adjustright\rin0\lin0\itap0\pararsid4869905 {\rtlch\fcs1 \ab\af0\afs22 \ltrch\fcs0 \b\fs22\expnd4\expndtw20\insrsid4869905\charrsid13642871 \'d1\'f3\'ec\'ec\'e0 \'f1\'e4\'e5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8:}{\</w:t>
      </w:r>
      <w:r w:rsidRPr="005A1F79">
        <w:rPr>
          <w:rFonts w:ascii="Courier New" w:hAnsi="Courier New" w:cs="Courier New"/>
        </w:rPr>
        <w:t>rtlch\fcs1 \ab\af0\afs22 \ltrch\fcs0 \fs22\expnd4\expndtw20\insrsid4869905\charrsid13642871  }{\rtlch\fcs1 \af0\afs22 \ltrch\fcs0 \fs22\insrsid4869905\charrsid13642871 108\~529 411.76 \'f0\'f3\'e1\'eb\'e5\'e9, \'ed\'ee \'ed\'e5 \'e1\'ee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5 \'e7\</w:t>
      </w:r>
      <w:r w:rsidRPr="005A1F79">
        <w:rPr>
          <w:rFonts w:ascii="Courier New" w:hAnsi="Courier New" w:cs="Courier New"/>
        </w:rPr>
        <w:t>'e0\'e4\'ee\'eb\'e6\'e5\'ed\'ed\'ee\'f1\'f2\'e8 \'ef\'ee \'f0\'e5\'f4\'e8\'ed\'e0\'ed\'f1\'e8\'f0\'f3\'e5\'ec\'ee\'ec\'f3 \'ca\'f0\'e5\'e4\'e8\'f2\'ed\'ee\'ec\'f3 \'f1\'ee\'e3\'eb\'e0\'f8\'e5\'ed\'e8\'fe \'ed\'e0 \'e4\'e0\'f2\'f3 \'f0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4\'e8\'ed\'e0</w:t>
      </w:r>
      <w:r w:rsidRPr="005A1F79">
        <w:rPr>
          <w:rFonts w:ascii="Courier New" w:hAnsi="Courier New" w:cs="Courier New"/>
        </w:rPr>
        <w:t xml:space="preserve">\'ed\'f1\'e8\'f0\'ee\'e2\'e0\'ed\'e8\'ff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4869905\charrsid13642871 \'d1\'f0\'ee\'ea \'f1\'e4\'e5\'eb\'ea\'e8: }{\rtlch\fcs1 \af0\afs22 \ltrch\fcs0 \fs22\insrsid4869905\charrsid1</w:t>
      </w:r>
      <w:r w:rsidRPr="005A1F79">
        <w:rPr>
          <w:rFonts w:ascii="Courier New" w:hAnsi="Courier New" w:cs="Courier New"/>
        </w:rPr>
        <w:t>3642871 \'e4\'ee 10.07.2023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1\'f0\'ee\'ea \'e8\'f1\'ef\'ee\'eb\'fc\'e7\'ee\'e2\'e0\'ed\'e8\'ff \endash  10 \'ea\'e0\'eb\'e5\'ed\'e4\'e0\'f0\'ed\'fb\'f5 \'e4\'ed\'e5\'e9. }{\rtlch\fcs1 \ab\af0\afs22 \ltrch\fcs0 \fs22\expnd4\expndtw20\insrsid486</w:t>
      </w:r>
      <w:r w:rsidRPr="005A1F79">
        <w:rPr>
          <w:rFonts w:ascii="Courier New" w:hAnsi="Courier New" w:cs="Courier New"/>
        </w:rPr>
        <w:t xml:space="preserve">9905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8\li0\ri0\nowidctlpar\wrapdefault\aspalpha\aspnum\faauto\adjustright\rin0\lin0\itap0\pararsid4869905 {\rtlch\fcs1 \ab\af0\afs22 \ltrch\fcs0 \b\fs22\expnd4\expndtw20\insrsid4869905\charrsid13642871 \'c3\'f</w:t>
      </w:r>
      <w:r w:rsidRPr="005A1F79">
        <w:rPr>
          <w:rFonts w:ascii="Courier New" w:hAnsi="Courier New" w:cs="Courier New"/>
        </w:rPr>
        <w:t>0\'e0\'f4\'e8\'ea \'e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3\'e0\'f8\'e5\'ed\'e8\'ff:}{\rtlch\fcs1 \af0\afs22 \ltrch\fcs0 \fs22\insrsid4869905\charrsid13642871  \'ed\'e0\'f7\'e8\'ed\'e0\'ff \'f1 \'e8\'fe\'eb\'ff 2021\'e3., \'e2 \'ef\'ee\'f1\'eb\'e5\'e4\'ed\'e8\'e5 7 \'ea\'e0\'eb\'e5\</w:t>
      </w:r>
      <w:r w:rsidRPr="005A1F79">
        <w:rPr>
          <w:rFonts w:ascii="Courier New" w:hAnsi="Courier New" w:cs="Courier New"/>
        </w:rPr>
        <w:t>'ed\'e4\'e0\'f0\'ed\'fb\'f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\'e4\'ed\'e5\'e9 \'ec\'e5\'f1\'ff\'f6\'e0, \'e5\'e6\'e5\'ea\'e2\'e0\'f0\'f2\'e0\'eb\'fc\'ed\'ee, \'e2 \'f0\'e0\'e7\'ec\'e5\'f0\'e5 12\~058 823,53 \'f0\'f3\'e1\'eb\'e5\'e9, \'ef\'ee\'f1\'eb\'e5\'e4\'ed\'e8\'e9 \'ef\'eb\'e0\'f2\</w:t>
      </w:r>
      <w:r w:rsidRPr="005A1F79">
        <w:rPr>
          <w:rFonts w:ascii="Courier New" w:hAnsi="Courier New" w:cs="Courier New"/>
        </w:rPr>
        <w:t>'e5\'e6 \endash  \'e2 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f1\'eb\'e5\'e4\'ed\'e8\'e5 7 \'ea\'e0\'eb\'e5\'ed\'e4\'e0\'f0\'ed\'fb\'f5 \'e4\'ed\'e5\'e9 \'ef\'ee\'f1\'eb\'e5\'e4\'ed\'e5\'e3\'ee \'ec\'e5\'f1\'ff\'f6\'e0 \'f1\'f0\'ee\'ea\'e0 \'e4\'e5\'e9\'f1\'f2\'e2\'e8\'ff \'ca\'f0\'e</w:t>
      </w:r>
      <w:r w:rsidRPr="005A1F79">
        <w:rPr>
          <w:rFonts w:ascii="Courier New" w:hAnsi="Courier New" w:cs="Courier New"/>
        </w:rPr>
        <w:t>5\'e4\'e8\'f2\'ed\'e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e \'f1\'ee\'e3\'eb\'e0\'f8\'e5\'ed\'e8\'ff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4869905\charrsid13642871 \'d6\'e5\'eb\'e5\'e2\'ee\'e5 \'ed\'e0\'e7\'ed\'e0\'f7\'e5\'ed\'e8\'e5:}{\rtlch</w:t>
      </w:r>
      <w:r w:rsidRPr="005A1F79">
        <w:rPr>
          <w:rFonts w:ascii="Courier New" w:hAnsi="Courier New" w:cs="Courier New"/>
        </w:rPr>
        <w:t xml:space="preserve">\fcs1 \af0\afs22 \ltrch\fcs0 \fs22\insrsid4869905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l \li0\ri0\widctlpar\wrapdefault\aspalpha\aspnum\faauto\adjustright\rin0\lin0\itap0\pararsid4869905 {\rtlch\fcs1 \af0\afs22 \ltrch\fcs0 \fs22\insrsid4869905\charrsid</w:t>
      </w:r>
      <w:r w:rsidRPr="005A1F79">
        <w:rPr>
          <w:rFonts w:ascii="Courier New" w:hAnsi="Courier New" w:cs="Courier New"/>
        </w:rPr>
        <w:t xml:space="preserve">13642871 \'d0\'e5\'f4\'e8\'ed\'e0\'ed\'f1\'e8\'f0\'ee\'e2\'e0\'ed\'e8\'e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ee\'e1\'f1\'f2\'e2\'e5\'ed\'ed\'ee\'e9 \'f1\'f1\'f3\'e4\'ed\'ee\'e9 \'e7\'e0\'e4\'ee\'eb\'e6\'e5\'ed\'ed\'ee\'f1\'f2\'e8 \'c7\'e0\'e5\'ec\'f9\'e8\'ea\'e0 \'ef\'e5\'f0\'e5\'e4</w:t>
      </w:r>
      <w:r w:rsidRPr="005A1F79">
        <w:rPr>
          <w:rFonts w:ascii="Courier New" w:hAnsi="Courier New" w:cs="Courier New"/>
        </w:rPr>
        <w:t xml:space="preserve"> \'c4\'e5\'e9\'f1\'f2\'e2\'f3\'fe\'f9\'e8\'ec \'ea\'f0\'e5\'e4\'e8\'f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e\'ec \'ef\'ee \'ea\'f0\'e5\'e4\'e8\'f2\'f3, \'ef\'f0\'e8\'e2\'eb\'e5\'f7\'e5\'ed\'ed\'ee\'ec\'f3 \'ed\'e0 \'e8\'ed\'e2\'e5\'f1\'f2\'e8\'f6\'e8\'ee\'ed\'ed\'fb\'e5 \'f6\'e5\</w:t>
      </w:r>
      <w:r w:rsidRPr="005A1F79">
        <w:rPr>
          <w:rFonts w:ascii="Courier New" w:hAnsi="Courier New" w:cs="Courier New"/>
        </w:rPr>
        <w:t>'eb\'e8, \'e0 \'e8\'ec\'e5\'ed\'ed\'ee \'ed\'e0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4869905 {\rtlch\fcs1 \af0\afs22 \ltrch\fcs0 \fs22\insrsid4869905\charrsid13642871 - \'ef\'f0\</w:t>
      </w:r>
      <w:r w:rsidRPr="005A1F79">
        <w:rPr>
          <w:rFonts w:ascii="Courier New" w:hAnsi="Courier New" w:cs="Courier New"/>
        </w:rPr>
        <w:t>'e8\'ee\'e1\'f0\'e5\'f2\'e5\'ed\'e8\'e5 \'ee\'f1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e\'e2\'ed\'fb\'f5 \'f1\'f0\'e5\'e4\'f1\'f2\'e2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\~\'f4\'e8\'ed\'e0\'ed\'f1\'e8\'f0\'ee\'e2\'e0\'ed\'e8\'e5 \'f1\'f2\'f0\'ee\'e8\'f2\'e5\'eb\'fc\'f1\'f2\'e2\'e0 (\'f0\'e5\'ea\'ee\'ed\'f1\'f2\'</w:t>
      </w:r>
      <w:r w:rsidRPr="005A1F79">
        <w:rPr>
          <w:rFonts w:ascii="Courier New" w:hAnsi="Courier New" w:cs="Courier New"/>
        </w:rPr>
        <w:t>f0\'f3\'ea\'f6\'e8\'e8) \'ed\'e5\'e4\'e2\'e8\'e6\'e8\'ec\'ee\'f1\'f2\'e8 \'e4\'eb\'ff \'ee\'f1\'f3\'f9\'e5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2\'eb\'e5\'ed\'e8\'ff \'e4\'e5\'ff\'f2\'e5\'eb\'fc\'ed\'ee\'f1\'f2\'e8 \'e2 \'f2. \'f7.: \'ee\'ef\'eb\'e0\'f2\'e0 \'e8\'ed\'e6\'e5\'ed\'e</w:t>
      </w:r>
      <w:r w:rsidRPr="005A1F79">
        <w:rPr>
          <w:rFonts w:ascii="Courier New" w:hAnsi="Courier New" w:cs="Courier New"/>
        </w:rPr>
        <w:t>5\'f0\'ed\'fb\'f5 \'e8\'e7\'fb\'f1\'ea\'e0\'ed\'e8\'e9 \'e8 \'ef\'f0\'ee\'e5\'ea\'f2\'ed\'ee\'e9 \'e4\'ee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ec\'e5\'ed\'f2\'e0\'f6\'e8\'e8, \'ee\'ef\'eb\'e0\'f2\'e0 \'f0\'e0\'e1\'ee\'f2 \'e8 \'f3\'f1\'eb\'f3\'e3, \'ee\'ef\'eb\'e0\'f2\'e0 \'f1\'f2\</w:t>
      </w:r>
      <w:r w:rsidRPr="005A1F79">
        <w:rPr>
          <w:rFonts w:ascii="Courier New" w:hAnsi="Courier New" w:cs="Courier New"/>
        </w:rPr>
        <w:t>'f0\'ee\'e8\'f2\'e5\'eb\'fc\'ed\'ee-\'ec\'ee\'ed\'f2\'e0\'e6\'ed\'fb\'f5\~\'f0\'e0\'e1\'ee\'f2,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l \li0\ri0\widctlpar\wrapdefault\aspalpha\aspnum\faauto\adjustright\rin0\lin0\itap0\pararsid4869905 {\rtlch\fcs1 \af0\afs22 \ltrch\fcs0 \f</w:t>
      </w:r>
      <w:r w:rsidRPr="005A1F79">
        <w:rPr>
          <w:rFonts w:ascii="Courier New" w:hAnsi="Courier New" w:cs="Courier New"/>
        </w:rPr>
        <w:t>s22\insrsid4869905\charrsid13642871 - \'f4\'e8\'ed\'e0\'ed\'f1\'e8\'f0\'ee\'e2\'e0\'ed\'e8\'e5 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2\'f0\'e0\'f2, \'f1\'e2\'ff\'e7\'e0\'ed\'ed\'fb\'f5 \'f1 \'ef\'f0\'e8\'ee\'e1\'f0\'e5\'f2\'e5\'ed\'e8\'e5\'ec \'ed\'e5\'e4\'e2\'e8\'e6\'e8\'ec\'ee\'</w:t>
      </w:r>
      <w:r w:rsidRPr="005A1F79">
        <w:rPr>
          <w:rFonts w:ascii="Courier New" w:hAnsi="Courier New" w:cs="Courier New"/>
        </w:rPr>
        <w:t>f1\'f2\'e8 \'e4\'eb\'ff \'ee\'f1\'f3\'f9\'e5\'f1\'f2\'e2\'eb\'e5\'ed\'e8\'ff \'ef\'f0\'ee\'e8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e\'e4\'f1\'f2\'e2\'e5\'ed\'ed\'ee\'e9/\'f2\'ee\'f0\'e3\'ee\'e2\'ee\'e9 \'e4\'e5\'ff\'f2\'e5\'eb\'fc\'ed\'ee\'f1\'f2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</w:t>
      </w:r>
      <w:r w:rsidRPr="005A1F79">
        <w:rPr>
          <w:rFonts w:ascii="Courier New" w:hAnsi="Courier New" w:cs="Courier New"/>
        </w:rPr>
        <w:t>3\qj \li0\ri0\sb20\sa20\nowidctlpar\tx305\wrapdefault\aspalpha\aspnum\faauto\adjustright\rin0\lin0\itap0\pararsid4869905 \rtlch\fcs1 \af0\afs24\alang1025 \ltrch\fcs0 \f1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</w:t>
      </w:r>
      <w:r w:rsidRPr="005A1F79">
        <w:rPr>
          <w:rFonts w:ascii="Courier New" w:hAnsi="Courier New" w:cs="Courier New"/>
        </w:rPr>
        <w:t>h\fcs0 \f0\fs22\insrsid4869905\charrsid13642871 \'ca\'f0\'e5\'e4\'e8\'f2\'ed\'fb\'e5 \'f1\'f0\'e5\'e4\'f1\'f2\'e2\'e0 \'e2 \'f1\'ee\'ee\'f2\'e2\'e5\'f2\'f1\'f2\'e2\'e8\'e8 \'f1 \'ea\'f0\'e5\'e4\'e8\'f2\'ed\'fb\'ec \'f1\'e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0\'f8\'e5\'ed\'e8\'e5</w:t>
      </w:r>
      <w:r w:rsidRPr="005A1F79">
        <w:rPr>
          <w:rFonts w:ascii="Courier New" w:hAnsi="Courier New" w:cs="Courier New"/>
        </w:rPr>
        <w:t xml:space="preserve">\'ec \'ed\'e5 \'ec\'ee\'e3\'f3\'f2 \'e1\'fb\'f2\'fc \'f0\'e0\'e7\'ec\'e5\'f9\'e5\'ed\'fb \'ed\'e0 \'e4\'e5\'ef\'ee\'e7\'e8\'f2\'e0\'f5, \'e0 \'f2\'e0\'ea\'e6\'e5 \'e2 \'e8\'ed\'fb\'f5 \'f4\'e8\'ed\'e0\'ed\'f1\'ee\'e2\'fb\'f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d\'f1\'f2\'f0\'f3\'ec\</w:t>
      </w:r>
      <w:r w:rsidRPr="005A1F79">
        <w:rPr>
          <w:rFonts w:ascii="Courier New" w:hAnsi="Courier New" w:cs="Courier New"/>
        </w:rPr>
        <w:t>'e5\'ed\'f2\'e0\'f5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i\af0\afs22 \ltrch\fcs0 \b\f0\fs22\insrsid4869905\charrsid13642871 \'ce\'e1\'e5\'f1\'ef\'e5\'f7\'e5\'ed\'e8\'e5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i\af0\afs22 \ltrch\fcs0 \f0\fs22\insrsid4869905\charrsid13642871 \'cf\'ee\'f0\</w:t>
      </w:r>
      <w:r w:rsidRPr="005A1F79">
        <w:rPr>
          <w:rFonts w:ascii="Courier New" w:hAnsi="Courier New" w:cs="Courier New"/>
        </w:rPr>
        <w:t>'f3\'f7\'e8\'f2\'e5\'eb\'fc\'f1\'f2\'e2\'ee \'fe\'f0\'e8\'e4\'e8\'f7\'e5\'f1\'ea\'e8\'f5/\'f4\'e8\'e7\'e8\'f7\'e5\'f1\'ea\'e8\'f5 \'eb\'e8\'f6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4869905\charrsid13642871</w:t>
      </w:r>
      <w:r w:rsidRPr="005A1F79">
        <w:rPr>
          <w:rFonts w:ascii="Courier New" w:hAnsi="Courier New" w:cs="Courier New"/>
        </w:rPr>
        <w:t xml:space="preserve"> \hich\af0\dbch\af0\loch\f0 -\tab}}\pard \ltrpar\s43\qj \fi-360\li720\ri0\sb20\sa20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x317\jclisttab\tx720\wrapdefault\aspalpha\aspnum\faauto\ls41\adjustright\rin0\lin720\itap0\pararsid4869905 {\rtlch\fcs1 \af0\afs22 \ltrch\fcs0 \f0\fs22\insrs</w:t>
      </w:r>
      <w:r w:rsidRPr="005A1F79">
        <w:rPr>
          <w:rFonts w:ascii="Courier New" w:hAnsi="Courier New" w:cs="Courier New"/>
        </w:rPr>
        <w:t>id4869905\charrsid13642871  \'c0\'ce \'ab\'d2\'e5\'f0\'ec\'e8\'ed\'e0\'eb \'c0\'f1\'f2\'e0\'f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c\'e5\'e2\'e0\'bb (\'c8\'cd\'cd 2508001618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4869905\charrsid13642871 \hic</w:t>
      </w:r>
      <w:r w:rsidRPr="005A1F79">
        <w:rPr>
          <w:rFonts w:ascii="Courier New" w:hAnsi="Courier New" w:cs="Courier New"/>
        </w:rPr>
        <w:t>h\af0\dbch\af0\loch\f0 -\tab}}\pard\plain \ltrpar\qj \fi-360\li720\ri0\sb20\sa20\sl276\slmult1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x317\jclisttab\tx720\wrapdefault\aspalpha\aspnum\faauto\ls41\adjustright\rin0\lin720\itap0\pararsid4869905 \rtlch\fcs1 \af0\afs20\alang1025 \ltrch</w:t>
      </w:r>
      <w:r w:rsidRPr="005A1F79">
        <w:rPr>
          <w:rFonts w:ascii="Courier New" w:hAnsi="Courier New" w:cs="Courier New"/>
        </w:rPr>
        <w:t xml:space="preserve">\fcs0 \fs20\lang1049\langfe1049\cgrid\langnp1049\langfenp1049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4869905\charrsid13642871 \'c0\'ce \'ab\'c4\'e0\'eb\'fc\'ea\'ee\'ec\'f5\'ee\'eb\'ee\'e4\'bb (\'c8\'cd\'cd 2537003955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</w:t>
      </w:r>
      <w:r w:rsidRPr="005A1F79">
        <w:rPr>
          <w:rFonts w:ascii="Courier New" w:hAnsi="Courier New" w:cs="Courier New"/>
        </w:rPr>
        <w:t>in\ltrpar \rtlch\fcs1 \af0\afs22 \ltrch\fcs0 \fs22\insrsid4869905\charrsid13642871 \hich\af0\dbch\af0\loch\f0 -\tab}\'d0\'fb\'e1\'ee\'eb\'ee\'e2\'e5\'f6\'ea\'e8\'e9 \'ea\'ee\'eb\'f5\'ee\'e7 \'ab\'ce\'e3\'ed\'e8 \'c2\'ee\'f1\'f2\'ee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bb (\'c8\'cd\</w:t>
      </w:r>
      <w:r w:rsidRPr="005A1F79">
        <w:rPr>
          <w:rFonts w:ascii="Courier New" w:hAnsi="Courier New" w:cs="Courier New"/>
        </w:rPr>
        <w:t>'cd 2528004952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4869905\charrsid13642871 \hich\af0\dbch\af0\loch\f0 -\tab}\'ce\'ce\'ce \'ab\'c0\'ea\'e2\'e0-\'d0\'e5\'f1\'f3\'f0\'f1\'fb\'bb (\'c8\'cd\'cd 25370525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</w:t>
      </w:r>
      <w:r w:rsidRPr="005A1F79">
        <w:rPr>
          <w:rFonts w:ascii="Courier New" w:hAnsi="Courier New" w:cs="Courier New"/>
        </w:rPr>
        <w:t>r {\listtext\pard\plain\ltrpar \rtlch\fcs1 \af0\afs22 \ltrch\fcs0 \fs22\insrsid4869905\charrsid13642871 \hich\af0\dbch\af0\loch\f0 -\tab}\'ce\'ce\'ce \'ab\'cc\'e0\'e3\'e8\'f1\'f2\'f0\'e0\'eb\'fc-\'c4\'c2\'bb (\'c8\'cd\'cd 25400778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</w:t>
      </w:r>
      <w:r w:rsidRPr="005A1F79">
        <w:rPr>
          <w:rFonts w:ascii="Courier New" w:hAnsi="Courier New" w:cs="Courier New"/>
        </w:rPr>
        <w:t>\plain\ltrpar \rtlch\fcs1 \af0\afs22 \ltrch\fcs0 \fs22\insrsid4869905\charrsid13642871 \hich\af0\dbch\af0\loch\f0 -\tab}\'ce\'ce\'ce \'ab\'c4\'e0\'eb\'fc\'ed\'e5\'e2\'ee\'f1\'f2\'ee\'f7\'ed\'e0\'ff \'f2\'f0\'e0\'ed\'f1\'ef\'ee\'f0\'f2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f \'ea\'e</w:t>
      </w:r>
      <w:r w:rsidRPr="005A1F79">
        <w:rPr>
          <w:rFonts w:ascii="Courier New" w:hAnsi="Courier New" w:cs="Courier New"/>
        </w:rPr>
        <w:t>e\'ec\'ef\'e0\'ed\'e8\'ff\'bb (\'c8\'cd\'cd 253708931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4869905\charrsid13642871 \hich\af0\dbch\af0\loch\f0 -\tab}\'ce\'ce\'ce \'ab\'d2\'e8\'f5\'ee\'ee\'ea\'e5\'e0\'ed\'f1\</w:t>
      </w:r>
      <w:r w:rsidRPr="005A1F79">
        <w:rPr>
          <w:rFonts w:ascii="Courier New" w:hAnsi="Courier New" w:cs="Courier New"/>
        </w:rPr>
        <w:t>'ea\'e8\'e9 \'e1\'e0\'eb\'ea\'e5\'f0\'ed\'fb\'e9 \'f2\'e5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8\'ed\'e0\'eb\'bb (\'c8\'cd\'cd 2537131611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4869905\charrsid13642871 \hich\af0\dbch\af0\loch\f0 -\tab}</w:t>
      </w:r>
      <w:r w:rsidRPr="005A1F79">
        <w:rPr>
          <w:rFonts w:ascii="Courier New" w:hAnsi="Courier New" w:cs="Courier New"/>
        </w:rPr>
        <w:t>\'ce\'ce\'ce \'ab\'d2\'e5\'f0\'ec\'e8\'ed\'e0\'eb \'c0\'f1\'f2\'e0\'f4\'fc\'e5\'e2\'e0\'bb (\'c8\'cd\'cd 2508129784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4869905\charrsid13642871 \hich\af0\dbch\af0\loch\f0 -</w:t>
      </w:r>
      <w:r w:rsidRPr="005A1F79">
        <w:rPr>
          <w:rFonts w:ascii="Courier New" w:hAnsi="Courier New" w:cs="Courier New"/>
        </w:rPr>
        <w:t>\tab}\'ce\'ce\'ce \'ab\'c1\'e5\'f0\'e5\'e3\'e0 \'cf\'f0\'e8\'ec\'ee\'f0\'fc\'ff\'bb (\'c8\'cd\'cd 2537082386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4869905\charrsid13642871 \hich\af0\dbch\af0\loch\f0 -\tab}\'ce</w:t>
      </w:r>
      <w:r w:rsidRPr="005A1F79">
        <w:rPr>
          <w:rFonts w:ascii="Courier New" w:hAnsi="Courier New" w:cs="Courier New"/>
        </w:rPr>
        <w:t>\'ce\'ce \'ab\'c0\'ea\'e2\'e0\'e8\'ed\'e4\'f3\'f1\'f2\'f0\'e8\'ff\'bb (\'c8\'cd\'cd 2537067613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4869905\charrsid13642871 \hich\af0\dbch\af0\loch\f0 -\tab}\'ca\'ee\'ed\'e4\'</w:t>
      </w:r>
      <w:r w:rsidRPr="005A1F79">
        <w:rPr>
          <w:rFonts w:ascii="Courier New" w:hAnsi="Courier New" w:cs="Courier New"/>
        </w:rPr>
        <w:t xml:space="preserve">f0\'e0\'f2\'ee\'e2 \'d0\'f3\'f1\'eb\'e0\'ed \'c2\'e8\'ea\'f2\'ee\'f0\'ee\'e2\'e8\'f7;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4\qj \li0\ri0\nowidctlpar\wrapdefault\faauto\rin0\lin0\itap0\pararsid4869905 \rtlch\fcs1 \af1\afs24\alang1025 \ltrch\fcs0 \f1\fs24\cf1\lang1</w:t>
      </w:r>
      <w:r w:rsidRPr="005A1F79">
        <w:rPr>
          <w:rFonts w:ascii="Courier New" w:hAnsi="Courier New" w:cs="Courier New"/>
        </w:rPr>
        <w:t xml:space="preserve">049\langfe1049\cgrid\langnp1049\langfenp1049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cf0\insrsid4869905\charrsid13642871 \'c2\'e8\'e4 \'ee\'f2\'e2\'e5\'f2\'f1\'f2\'e2\'e5\'ed\'ed\'ee\'f1\'f2\'e8 \'ef\'ee\'f0\'f3\'f7\'e8\'f2\'e5\'eb\'ff: \'f1\'ee\'eb</w:t>
      </w:r>
      <w:r w:rsidRPr="005A1F79">
        <w:rPr>
          <w:rFonts w:ascii="Courier New" w:hAnsi="Courier New" w:cs="Courier New"/>
        </w:rPr>
        <w:t xml:space="preserve">\'e8\'e4\'e0\'f0\'ed\'e0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0\'e0\'e7\'ec\'e5\'f0 \'ee\'f2\'e2\'e5\'f2\'f1\'f2\'e2\'e5\'ed\'ed\'ee\'f1\'f2\'e8 \'ef\'ee\'f0\'f3\'f7\'e8\'f2\'e5\'eb\'ff: \'ed\'e0 \'e2\'f1\'fe \'f1\'f3\'ec\'ec\'f3 \'ee\'e1\'ff\'e7\'e0\'f2\'e5\'eb\'fc\'f1\'f2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\plain \ltrpar\qj \li0\ri0\widctlpar\wrapdefault\aspalpha\aspnum\faauto\adjustright\rin0\lin0\itap0\pararsid4869905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4869905\charrsid13642871 \'e7\'e0\'eb\'ee\'e3: \'e7\'e0\'eb\'ee\'e3 \'e4\'e2\'e8\'e6\'e8\'ec\'ee\'e3\'ee/ \'e8\'ec\'f3\'f9\'e5\'f1\'f2\'e2\'e0, \'ef\'f0\'e8\'ed\'e0\'e4\'eb\'e5\'e6\'e0\'f9\'e5\'e3\'ee \'ce\'ce\'ce \'ab\'c4\'e0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c\'d0\'fb\'e1\'cf\'ee\'f0\'f2\'bb (\'c8\'cd\'cd 2537047582); \'e7\'e0\'eb\'ee\'e3 \'ed\'e5\'e4\'e2\'e8\'e6\'e8\'ec\'ee\'e3\'ee \'e8\'ec\'f3\'f9\'e5\'f1\'f2\'e2\'e0, \'ef\'f0\'e8\'ed\'e0\'e4\'eb\'e5\'e6\'e0\'f9\'e5\'e3\'ee \'ce\'ce\'ce \'ab\'c1\'e5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3\'e0 \'cf\'f0\'e8\'ec\'ee\'f0\'fc\'ff\'bb (\'c8\'cd\'cd 2537082386)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qc\tx4677\tqr\tx9355\wrapdefault\aspalpha\aspnum\faauto\adjustright\rin0\lin0\itap0\pararsid4869905 {\rtlch\fcs1 \ab\af0\afs22 \ltrch\</w:t>
      </w:r>
      <w:r w:rsidRPr="005A1F79">
        <w:rPr>
          <w:rFonts w:ascii="Courier New" w:hAnsi="Courier New" w:cs="Courier New"/>
        </w:rPr>
        <w:t>fcs0 \b\fs22\expnd4\expndtw20\insrsid4869905\charrsid13642871 \'cf\'f0\'ee\'f6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d\'f2\'ed\'e0\'ff \'f1\'f2\'e0\'e2\'ea\'e0:}{\rtlch\fcs1 \ab\af0\afs22 \ltrch\fcs0 \fs22\expnd4\expndtw20\insrsid4869905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</w:t>
      </w:r>
      <w:r w:rsidRPr="005A1F79">
        <w:rPr>
          <w:rFonts w:ascii="Courier New" w:hAnsi="Courier New" w:cs="Courier New"/>
        </w:rPr>
        <w:t xml:space="preserve">1\qj \li0\ri0\sb20\sa20\widctlpar\wrapdefault\aspalpha\aspnum\faauto\adjustright\rin0\lin0\itap0\pararsid4869905 \rtlch\fcs1 \af0\afs24\alang1025 \ltrch\fcs0 \f1\fs20\lang1033\langfe1049\cgrid\langnp1033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</w:t>
      </w:r>
      <w:r w:rsidRPr="005A1F79">
        <w:rPr>
          <w:rFonts w:ascii="Courier New" w:hAnsi="Courier New" w:cs="Courier New"/>
        </w:rPr>
        <w:t xml:space="preserve">f0\fs22\lang1049\langfe1049\langnp1049\insrsid4869905\charrsid13642871 1)  7,75 % \'e3\'ee\'e4\'ee\'e2\'fb\'f5 \endash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lang1049\langfe1033\langnp1049\langfenp1033\insrsid4869905\charrsid13642871 \endash  \'cb</w:t>
      </w:r>
      <w:r w:rsidRPr="005A1F79">
        <w:rPr>
          <w:rFonts w:ascii="Courier New" w:hAnsi="Courier New" w:cs="Courier New"/>
        </w:rPr>
        <w:t xml:space="preserve">\'fc\'e3\'ee\'f2\'ed\'e0\'ff \'f1\'f2\'e0\'e2\'ea\'e0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lang1049\langfe1049\langnp1049\insrsid4869905\charrsid13642871 \'ea\'f0\'e5\'e4\'e8\'f2\'ee\'e2\'e0\'ed\'e8\'ff (\'cb\'d1\'f2), \'ef\'f0\'e8 \'f3\'f1\'eb\</w:t>
      </w:r>
      <w:r w:rsidRPr="005A1F79">
        <w:rPr>
          <w:rFonts w:ascii="Courier New" w:hAnsi="Courier New" w:cs="Courier New"/>
        </w:rPr>
        <w:t>'ee\'e2\'e8\'e8 \'f1\'ee\'e3\'eb\'e0\'f1\'ee\'e2\'e0\'ed\'e8\'ff \'d3\'ef\'ee\'eb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e\'f7\'e5\'ed\'ed\'fb\'ec \'eb\'e8\'f6\'ee\'ec \'c1\'e0\'ed\'ea\'e0 \'c2\'d2\'c1 (\'cf\'c0\'ce)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</w:t>
      </w:r>
      <w:r w:rsidRPr="005A1F79">
        <w:rPr>
          <w:rFonts w:ascii="Courier New" w:hAnsi="Courier New" w:cs="Courier New"/>
        </w:rPr>
        <w:t xml:space="preserve">aspalpha\aspnum\faauto\adjustright\rin0\lin0\itap0\pararsid4869905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4869905\charrsid13642871 2) \'c1\'e0\</w:t>
      </w:r>
      <w:r w:rsidRPr="005A1F79">
        <w:rPr>
          <w:rFonts w:ascii="Courier New" w:hAnsi="Courier New" w:cs="Courier New"/>
        </w:rPr>
        <w:t>'ed\'ea \'e2\'ef\'f0\'e0\'e2\'e5 \'e2 \'ee\'e4\'ed\'ee\'f1\'f2\'ee\'f0\'ee\'ed\'ed\'e5\'ec \'ef\'ee\'f0\'ff\'e4\'ea\'e5 \'f3\'e2\'e5\'eb\'e8\'f7\'e8\'f2\'fc \'f0\'e0\'e7\'ec\'e5\'f0 \'c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3\'ee\'f2\'ed\'ee\'e9 \'f1\'f2\'e0\'e2\'ea\'e8 \'ea\'f0\'e5\'</w:t>
      </w:r>
      <w:r w:rsidRPr="005A1F79">
        <w:rPr>
          <w:rFonts w:ascii="Courier New" w:hAnsi="Courier New" w:cs="Courier New"/>
        </w:rPr>
        <w:t>e4\'e8\'f2\'ee\'e2\'e0\'ed\'e8\'ff  \'e4\'ee \'f3\'f0\'ee\'e2\'ed\'ff \'e4\'ee 10,5% \'e3\'ee\'e4\'ee\'e2\'fb\'f5, \'e2 \'f1\'eb\'f3\'f7\'e0\'e5 \'e2\'fb\'ff\'e2\'eb\'e5\'ed\'e8\'ff \'ee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e3\'ee \'e8\'eb\'e8 \'ed\'e5\'f1\'ea\'ee\'eb\'fc\'ea\'</w:t>
      </w:r>
      <w:r w:rsidRPr="005A1F79">
        <w:rPr>
          <w:rFonts w:ascii="Courier New" w:hAnsi="Courier New" w:cs="Courier New"/>
        </w:rPr>
        <w:t>e8\'f5 \'e8\'e7 \'f1\'eb\'e5\'e4\'f3\'fe\'f9\'e8\'f5 \'ee\'f1\'ed\'ee\'e2\'e0\'ed\'e8\'e9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1\qj \li0\ri0\widctlpar\tx426\wrapdefault\aspalpha\aspnum\faauto\adjustright\rin0\lin0\itap0\pararsid4869905 \rtlch\fcs1 \af0\afs24\alan</w:t>
      </w:r>
      <w:r w:rsidRPr="005A1F79">
        <w:rPr>
          <w:rFonts w:ascii="Courier New" w:hAnsi="Courier New" w:cs="Courier New"/>
        </w:rPr>
        <w:t xml:space="preserve">g1025 \ltrch\fcs0 \f1\fs20\lang1033\langfe1049\cgrid\langnp1033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0\fs22\lang1049\langfe1033\langnp1049\langfenp1033\insrsid4869905\charrsid13642871 1. \'e2\'fb\'ff\'e2\'eb\'e5\'ed\'e8\'e5 \'f4\'e0\'ea\'f2</w:t>
      </w:r>
      <w:r w:rsidRPr="005A1F79">
        <w:rPr>
          <w:rFonts w:ascii="Courier New" w:hAnsi="Courier New" w:cs="Courier New"/>
        </w:rPr>
        <w:t>\'e0 \'ed\'e5\'f6\'e5\'eb\'e5\'e2\'ee\'e3\'ee \'e8\'f1\'ef\'ee\'eb\'fc\'e7\'ee\'e2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f \'e7\'e0\'e5\'ec\'f9\'e8\'ea\'ee\'ec \'ea\'f0\'e5\'e4\'e8\'f2\'e0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2. \'e2\'fb\'ff\'e2\'eb\'e5\'ed\'e8\'e5 \'f4\'e0\'ea\'f2\'e0 \'ed\'e5\'f1\'ee\'ee\</w:t>
      </w:r>
      <w:r w:rsidRPr="005A1F79">
        <w:rPr>
          <w:rFonts w:ascii="Courier New" w:hAnsi="Courier New" w:cs="Courier New"/>
        </w:rPr>
        <w:t>'f2\'e2\'e5\'f2\'f1\'f2\'e2\'e8\'ff \'e7\'e0\'e5\'ec\'f9\'e8\'ea\'e0 \'ed\'e0 \'e4\'e5\'ed\'fc \'e7\'e0\'ea\'eb\'fe\'f7\'e5\'ed\'e8\'ff \'ea\'f0\'e5\'e4\'e8\'f2\'ed\'e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 \'f1\'ee\'e3\'eb\'e0\'f8\'e5\'ed\'e8\'ff \'ee\'e4\'ed\'ee\'ec\'f3 \'e8\'eb\'e</w:t>
      </w:r>
      <w:r w:rsidRPr="005A1F79">
        <w:rPr>
          <w:rFonts w:ascii="Courier New" w:hAnsi="Courier New" w:cs="Courier New"/>
        </w:rPr>
        <w:t>8 \'ed\'e5\'f1\'ea\'ee\'eb\'fc\'ea\'e8\'ec \'f2\'f0\'e5\'e1\'ee\'e2\'e0\'ed\'e8\'ff\'ec, \'e8\'e7\'eb\'ee\'e6\'e5\'ed\'ed\'fb\'ec \'e2 \'ef. 20 \'cf\'f0\'ee\'e3\'f0\'e0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fb 176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3. }{\rtlch\fcs1 \af0\afs22 \ltrch\fcs0 \f0\fs22\lang1049\lan</w:t>
      </w:r>
      <w:r w:rsidRPr="005A1F79">
        <w:rPr>
          <w:rFonts w:ascii="Courier New" w:hAnsi="Courier New" w:cs="Courier New"/>
        </w:rPr>
        <w:t>gfe1049\langnp1049\insrsid4869905\charrsid13642871 \'ef\'f0\'e5\'ea\'f0\'e0\'f9\'e5\'ed\'e8\'e5 \'e4\'e5\'e9\'f1\'f2\'e2\'e8\'ff \'cf\'f0\'ee\'e3\'f0\'e0\'ec\'ec\'fb 1764 / \'ee\'f2\'ec\'e5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cf\'ee\'f1\'f2\'e0\'ed\'ee\'e2\'eb\'e5\'ed\'e8\'ff \'c</w:t>
      </w:r>
      <w:r w:rsidRPr="005A1F79">
        <w:rPr>
          <w:rFonts w:ascii="Courier New" w:hAnsi="Courier New" w:cs="Courier New"/>
        </w:rPr>
        <w:t>f\'f0\'e0\'e2\'e8\'f2\'e5\'eb\'fc\'f1\'f2\'e2\'e0 \'d0\'ee\'f1\'f1\'e8\'e9\'f1\'ea\'ee\'e9 \'d4\'e5\'e4\'e5\'f0\'e0\'f6\'e8\'e8 \'ee\'f2 30.12.2018 \'b91764 \'ab\'ce\'e1 \'f3\'f2\'e2\'e5\'f0\'e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5\'ed\'e8\'e8 \'cf\'f0\'e0\'e2\'e8\'eb \'ef\'f0\'e5\'</w:t>
      </w:r>
      <w:r w:rsidRPr="005A1F79">
        <w:rPr>
          <w:rFonts w:ascii="Courier New" w:hAnsi="Courier New" w:cs="Courier New"/>
        </w:rPr>
        <w:t>e4\'ee\'f1\'f2\'e0\'e2\'eb\'e5\'ed\'e8\'ff \'f1\'f3\'e1\'f1\'e8\'e4\'e8\'e9 \'e8\'e7 \'f4\'e5\'e4\'e5\'f0\'e0\'eb\'fc\'ed\'ee\'e3\'ee \'e1\'fe\'e4\'e6\'e5\'f2\'e0 \'f0\'ee\'f1\'f1\'e8\'e9\'f1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c \'ea\'f0\'e5\'e4\'e8\'f2\'ed\'fb\'ec \'ee\'f0\'e3\</w:t>
      </w:r>
      <w:r w:rsidRPr="005A1F79">
        <w:rPr>
          <w:rFonts w:ascii="Courier New" w:hAnsi="Courier New" w:cs="Courier New"/>
        </w:rPr>
        <w:t>'e0\'ed\'e8\'e7\'e0\'f6\'e8\'ff\'ec \'e8 \'f1\'ef\'e5\'f6\'e8\'e0\'eb\'e8\'e7\'e8\'f0\'ee\'e2\'e0\'ed\'ed\'fb\'ec \'f4\'e8\'ed\'e0\'ed\'f1\'ee\'e2\'fb\'ec \'ee\'e1\'f9\'e5\'f1\'f2\'e2\'e0\'ec 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e2\'ee\'e7\'ec\'e5\'f9\'e5\'ed\'e8\'e5 \'ed\'e5\'e4</w:t>
      </w:r>
      <w:r w:rsidRPr="005A1F79">
        <w:rPr>
          <w:rFonts w:ascii="Courier New" w:hAnsi="Courier New" w:cs="Courier New"/>
        </w:rPr>
        <w:t>\'ee\'ef\'ee\'eb\'f3\'f7\'e5\'ed\'ed\'fb\'f5 \'e8\'ec\'e8 \'e4\'ee\'f5\'ee\'e4\'ee\'e2 \'ef\'ee \'ea\'f0\'e5\'e4\'e8\'f2\'e0\'ec, \'e2\'fb\'e4\'e0\'ed\'ed\'fb\'ec \'e2 2019 - 2024 \'e3\'ee\'e4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5 \'f1\'f3\'e1\'fa\'e5\'ea\'f2\'e0\'ec \'ec\'e0\'eb\'ee</w:t>
      </w:r>
      <w:r w:rsidRPr="005A1F79">
        <w:rPr>
          <w:rFonts w:ascii="Courier New" w:hAnsi="Courier New" w:cs="Courier New"/>
        </w:rPr>
        <w:t>\'e3\'ee \'e8 \'f1\'f0\'e5\'e4\'ed\'e5\'e3\'ee \'ef\'f0\'e5\'e4\'ef\'f0\'e8\'ed\'e8\'ec\'e0\'f2\'e5\'eb\'fc\'f1\'f2\'e2\'e0, \'e0 \'f2\'e0\'ea\'e6\'e5 \'f4\'e8\'e7\'e8\'f7\'e5\'f1\'ea\'e8\'ec 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6\'e0\'ec, \'ef\'f0\'e8\'ec\'e5\'ed\'ff\'fe\'f9\'e8</w:t>
      </w:r>
      <w:r w:rsidRPr="005A1F79">
        <w:rPr>
          <w:rFonts w:ascii="Courier New" w:hAnsi="Courier New" w:cs="Courier New"/>
        </w:rPr>
        <w:t>\'ec \'f1\'ef\'e5\'f6\'e8\'e0\'eb\'fc\'ed\'fb\'e9 \'ed\'e0\'eb\'ee\'e3\'ee\'e2\'fb\'e9 \'f0\'e5\'e6\'e8\'ec \'ab\'cd\'e0\'eb\'ee\'e3 \'ed\'e0 \'ef\'f0\'ee\'f4\'e5\'f1\'f1\'e8\'ee\'ed\'e0\'e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fb\'e9 \'e4\'ee\'f5\'ee\'e4\'bb, \'ef\'ee \'eb\'fc\'e3</w:t>
      </w:r>
      <w:r w:rsidRPr="005A1F79">
        <w:rPr>
          <w:rFonts w:ascii="Courier New" w:hAnsi="Courier New" w:cs="Courier New"/>
        </w:rPr>
        <w:t>\'ee\'f2\'ed\'ee\'e9 \'f1\'f2\'e0\'e2\'ea\'e5\'bb (\'f1 \'f3\'f7\'e5\'f2\'ee\'ec \'e8\'e7\'ec\'e5\'ed\'e5\'ed\'e8\'e9 \'e8 \'e4\'ee\'ef\'ee\'eb\'ed\'e5\'ed\'e8\'e9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0\fs22\lang1049\langfe1033\langnp1049\langfen</w:t>
      </w:r>
      <w:r w:rsidRPr="005A1F79">
        <w:rPr>
          <w:rFonts w:ascii="Courier New" w:hAnsi="Courier New" w:cs="Courier New"/>
        </w:rPr>
        <w:t>p1033\insrsid4869905\charrsid13642871 4. \'ef\'ee\'eb\'f3\'f7\'e5\'ed\'e8\'e5 \'c1\'e0\'ed\'ea\'ee\'ec \'ee\'f4\'e8\'f6\'e8\'e0\'eb\'fc\'ed\'ee\'e3\'ee \'ef\'e8\'f1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0 \'cc\'e8\'ed\'e8\'f1\'f2\'e5\'f0\'f1\'f2\'e2\'e0 \'f4\'e8\'ed\'e0\'ed\'f1\'ee</w:t>
      </w:r>
      <w:r w:rsidRPr="005A1F79">
        <w:rPr>
          <w:rFonts w:ascii="Courier New" w:hAnsi="Courier New" w:cs="Courier New"/>
        </w:rPr>
        <w:t>\'e2 \'d0\'ee\'f1\'f1\'e8\'e9\'f1\'ea\'ee\'e9 \'d4\'e5\'e4\'e5\'f0\'e0\'f6\'e8\'e8/\'cc\'e8\'ed\'fd\'ea\'ee\'ed\'ee\'ec\'f0\'e0\'e7\'e2\'e8\'f2\'e8\'ff \'d0\'ee\'f1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8 \'ee\'e1 \'ee\'f2\'f1\'f3\'f2\'f1\'f2\'e2\'e8\'e8 \'e1\'fe\'e4\'e6\'e5\'f2\'e</w:t>
      </w:r>
      <w:r w:rsidRPr="005A1F79">
        <w:rPr>
          <w:rFonts w:ascii="Courier New" w:hAnsi="Courier New" w:cs="Courier New"/>
        </w:rPr>
        <w:t>d\'fb\'f5 \'e0\'f1\'f1\'e8\'e3\'ed\'ee\'e2\'e0\'ed\'e8\'e9 \'e8 \'eb\'e8\'ec\'e8\'f2\'ee\'e2 \'e1\'fe\'e4\'e6\'e5\'f2\'ed\'fb\'f5 \'ee\'e1\'ff\'e7\'e0\'f2\'e5\'e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2\'e2, \'ed\'e0 \'f6\'e5\'eb\'e8, \'ef\'f0\'e5\'e4\'f3\'f1\'ec\'ee\'f2\'f0\'e5\'e</w:t>
      </w:r>
      <w:r w:rsidRPr="005A1F79">
        <w:rPr>
          <w:rFonts w:ascii="Courier New" w:hAnsi="Courier New" w:cs="Courier New"/>
        </w:rPr>
        <w:t xml:space="preserve">d\'ed\'fb\'e5}{\rtlch\fcs1 \af0\afs22 \ltrch\fcs0 \f0\fs22\lang1049\langfe1049\langnp1049\insrsid4869905\charrsid13642871  \'cf\'f0\'ee\'e3\'f0\'e0\'ec\'ec\'ee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1764}{\rtlch\fcs1 \af0\afs22 \ltrch\fcs0 \f0\fs22\lang1049\langfe1033\langnp1049\langfenp1</w:t>
      </w:r>
      <w:r w:rsidRPr="005A1F79">
        <w:rPr>
          <w:rFonts w:ascii="Courier New" w:hAnsi="Courier New" w:cs="Courier New"/>
        </w:rPr>
        <w:t>033\insrsid4869905\charrsid13642871 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5. \'ef\'ee\'eb\'f3\'f7\'e5\'ed\'e8\'e5 \'c1\'e0\'ed\'ea\'ee\'ec \'ee\'f2 \'cc\'e8\'ed\'fd\'ea\'ee\'ed\'ee\'ec\'f0\'e0\'e7\'e2\'e8\'f2\'e8\'ff \'d0\'ee\'f1\'f1\'e8\'e8 \'f3\'e2\'e5\'e4\'ee\'ec\'eb\'e5\'ed\'e8\'ff</w:t>
      </w:r>
      <w:r w:rsidRPr="005A1F79">
        <w:rPr>
          <w:rFonts w:ascii="Courier New" w:hAnsi="Courier New" w:cs="Courier New"/>
        </w:rPr>
        <w:t xml:space="preserve"> \'ee\'e1 \'ee\'f2\'ea\'e0\'e7\'e5 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5\'e4\'ee\'f1\'f2\'e0\'e2\'eb\'e5\'ed\'e8\'e8 \'d1\'f3\'e1\'f1\'e8\'e4\'e8\'e8 }{\rtlch\fcs1 \af0\afs22 \ltrch\fcs0 \f0\fs22\lang1049\langfe1033\cgrid0\langnp1049\langfenp1033\insrsid4869905\charrsid1364</w:t>
      </w:r>
      <w:r w:rsidRPr="005A1F79">
        <w:rPr>
          <w:rFonts w:ascii="Courier New" w:hAnsi="Courier New" w:cs="Courier New"/>
        </w:rPr>
        <w:t>2871 \'e8/\'e8\'eb\'e8 \'ed\'e5\'e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f3\'f7\'e5\'ed\'e8\'e5 \'c1\'e0\'ed\'ea\'ee\'ec \'f1\'f3\'e1\'f1\'e8\'e4\'e8\'e9 \'e2\'ee\'e7\'ec\'e5\'f9\'e5\'ed\'e8\'ff \'ed\'e5\'e4\'ee\'ef\'ee\'eb\'f3\'f7\'e5\'ed\'ed\'fb\'f5 \'c1\'e0\'ed\'ea\'ee\'ec \'e4\</w:t>
      </w:r>
      <w:r w:rsidRPr="005A1F79">
        <w:rPr>
          <w:rFonts w:ascii="Courier New" w:hAnsi="Courier New" w:cs="Courier New"/>
        </w:rPr>
        <w:t>'ee\'f5\'ee\'e4\'ee\'e2 \'ef\'ee 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5\'e4\'e8\'f2\'ed\'ee\'ec\'f3 \'f1\'ee\'e3\'eb\'e0\'f8\'e5\'ed\'e8\'fe \'f1 }{\rtlch\fcs1 \af0\afs22 \ltrch\fcs0 \f0\fs22\lang1049\langfe1033\langnp1049\langfenp1033\insrsid4869905\charrsid13642871 \'e7\'e0\'e5</w:t>
      </w:r>
      <w:r w:rsidRPr="005A1F79">
        <w:rPr>
          <w:rFonts w:ascii="Courier New" w:hAnsi="Courier New" w:cs="Courier New"/>
        </w:rPr>
        <w:t>\'ec\'f9\'e8\'ea\'ee\'ec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0\fs22\lang1049\langfe1033\cgrid0\langnp1049\langfenp1033\insrsid4869905\charrsid13642871 6. \'ed\'e0\'f1\'f2\'f3\'ef\'eb\'e5\'ed\'e8\'e5 \'e8\'ed\'fb\'f5 \'ee\'e1\'f1\'f2\'ee\'ff\'f2\'</w:t>
      </w:r>
      <w:r w:rsidRPr="005A1F79">
        <w:rPr>
          <w:rFonts w:ascii="Courier New" w:hAnsi="Courier New" w:cs="Courier New"/>
        </w:rPr>
        <w:t>e5\'eb\'fc\'f1\'f2\'e2, 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a\'f3\'f9\'e8\'f5 \'ef\'f0\'e5\'ea\'f0\'e0\'f9\'e5\'ed\'e8\'e5 \'f1\'f3\'e1\'f1\'e8\'e4\'e8\'f0\'ee\'e2\'e0\'ed\'e8\'ff \'ef\'ee \'ca\'f0\'e5\'e4\'e8\'f2\'ed\'ee\'ec\'f3 \'f1\'ee\'e3\'eb\'e0\'f8\'e5\'ed\'e8\'fe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</w:t>
      </w:r>
      <w:r w:rsidRPr="005A1F79">
        <w:rPr>
          <w:rFonts w:ascii="Courier New" w:hAnsi="Courier New" w:cs="Courier New"/>
        </w:rPr>
        <w:t>ar 7. \'e8\'ed\'fb\'f5 \'f1\'eb\'f3\'f7\'e0\'ff\'f5, \'ef\'f0\'e5\'e4\'f3\'f1\'ec\'ee\'f2\'f0\'e5\'ed\'ed\'fb\'f5 \'ca\'f0\'e5\'e4\'e8\'f2\'ed\'fb\'ec \'f1\'ee\'e3\'eb\'e0\'f8\'e5\'ed\'e8\'e5\'ec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0\qj \fi567\li0\ri0\widctlpar\</w:t>
      </w:r>
      <w:r w:rsidRPr="005A1F79">
        <w:rPr>
          <w:rFonts w:ascii="Courier New" w:hAnsi="Courier New" w:cs="Courier New"/>
        </w:rPr>
        <w:t xml:space="preserve">wrapdefault\aspalpha\aspnum\faauto\adjustright\rin0\lin0\itap0\pararsid4869905 \rtlch\fcs1 \af0\afs20\alang1025 \ltrch\fcs0 \fs22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insrsid4869905\charrsid13642871 \'cf\</w:t>
      </w:r>
      <w:r w:rsidRPr="005A1F79">
        <w:rPr>
          <w:rFonts w:ascii="Courier New" w:hAnsi="Courier New" w:cs="Courier New"/>
        </w:rPr>
        <w:t>'f0\'e8 \'f3\'e2\'e5\'eb\'e8\'f7\'e5\'ed\'e8\'e8 \'c1\'e0\'ed\'ea\'ee\'ec \'f0\'e0\'e7\'ec\'e5\'f0\'e0 \'ef\'f0\'ee\'f6\'e5\'ed\'f2\'ed\'ee\'e9 \'f1\'f2\'e0\'e2\'ea\'e8 \'e2 \'ee\'e4\'ed\'ee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e\'f0\'ee\'ed\'ed\'e5\'ec \'ef\'ee\'f0\'ff\'e4\'ea\'e</w:t>
      </w:r>
      <w:r w:rsidRPr="005A1F79">
        <w:rPr>
          <w:rFonts w:ascii="Courier New" w:hAnsi="Courier New" w:cs="Courier New"/>
        </w:rPr>
        <w:t>5 \'e2 \'f1\'ee\'ee\'f2\'e2\'e5\'f2\'f1\'f2\'e2\'e8\'e8 \'f1 \'ca\'f0\'e5\'e4\'e8\'f2\'ed\'fb\'ec \'f1\'ee\'e3\'eb\'e0\'f8\'e5\'ed\'e8\'e5\'ec \'ca\'f0\'e5\'e4\'e8\'f2\'ee\'f0 \'ed\'e0\'ef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2\'eb\'ff\'e5\'f2 \'c7\'e0\'e5\'ec\'f9\'e8\'ea\'f3 \'ef</w:t>
      </w:r>
      <w:r w:rsidRPr="005A1F79">
        <w:rPr>
          <w:rFonts w:ascii="Courier New" w:hAnsi="Courier New" w:cs="Courier New"/>
        </w:rPr>
        <w:t>\'e8\'f1\'fc\'ec\'e5\'ed\'ed\'ee\'e5 \'f3\'e2\'e5\'e4\'ee\'ec\'eb\'e5\'ed\'e8\'e5 (\'e2 \'ef\'f0\'ee\'e8\'e7\'e2\'ee\'eb\'fc\'ed\'ee\'e9 \'f4\'ee\'f0\'ec\'e5) \'ee\'e1 \'f3\'e2\'e5\'eb\'e8\'f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d\'e8\'e8 \'ef\'f0\'ee\'f6\'e5\'ed\'f2\'ed\'ee\'e9 \'f1</w:t>
      </w:r>
      <w:r w:rsidRPr="005A1F79">
        <w:rPr>
          <w:rFonts w:ascii="Courier New" w:hAnsi="Courier New" w:cs="Courier New"/>
        </w:rPr>
        <w:t xml:space="preserve">\'f2\'e0\'e2\'ea\'e8 \'f1 \'ed\'e0\'f0\'ee\'f7\'ed\'fb\'ec \'e8\'eb\'e8 \'e7\'e0\'ea\'e0\'e7\'ed\'fb\'ec \'ef\'ee\'f7\'f2\'ee\'e2\'fb\'ec \'ee\'f2\'ef\'f0\'e0\'e2\'eb\'e5\'ed\'e8\'e5\'ec \'f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f\'e8\'f1\'fc\'fe \'e2\'eb\'ee\'e6\'e5\'ed\'e8\'ff \'e8</w:t>
      </w:r>
      <w:r w:rsidRPr="005A1F79">
        <w:rPr>
          <w:rFonts w:ascii="Courier New" w:hAnsi="Courier New" w:cs="Courier New"/>
        </w:rPr>
        <w:t>\~\'f3\'e2\'e5\'e4\'ee\'ec\'eb\'e5\'ed\'e8\'e5\'ec \'ee \'e2\'f0\'f3\'f7\'e5\'ed\'e8\'e8, \'e8\'eb\'e8 \'f1 \'e8\'f1\'ef\'ee\'eb\'fc\'e7\'ee\'e2\'e0\'ed\'e8\'e5\'ec \'d1\'e8\'f1\'f2\'e5\'ec\'f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\'c4\'e8\'f1\'f2\'e0\'ed\'f6\'e8\'ee\'ed\'ed\'ee\'e3\'ee \'e</w:t>
      </w:r>
      <w:r w:rsidRPr="005A1F79">
        <w:rPr>
          <w:rFonts w:ascii="Courier New" w:hAnsi="Courier New" w:cs="Courier New"/>
        </w:rPr>
        <w:t>1\'e0\'ed\'ea\'ee\'e2\'f1\'ea\'ee\'e3\'ee \'ee\'e1\'f1\'eb\'f3\'e6\'e8\'e2\'e0\'ed\'e8\'ff. \'cd\'ee\'e2\'e0\'ff \'ef\'f0\'ee\'f6\'e5\'ed\'f2\'ed\'e0\'ff \'f1\'f2\'e0\'e2\'ea\'e0 \'ed\'e0\'f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d\'e0\'e5\'f2 \'e4\'e5\'e9\'f1\'f2\'e2\'ee\'e2\'e0\'f2\'</w:t>
      </w:r>
      <w:r w:rsidRPr="005A1F79">
        <w:rPr>
          <w:rFonts w:ascii="Courier New" w:hAnsi="Courier New" w:cs="Courier New"/>
        </w:rPr>
        <w:t>fc \'f1 1 (\'cf\'e5\'f0\'e2\'ee\'e3\'ee) \'f7\'e8\'f1\'eb\'e0 \'ec\'e5\'f1\'ff\'f6\'e0, \'f1\'eb\'e5\'e4\'f3\'fe\'f9\'e5\'e3\'ee \'e7\'e0 \'ec\'e5\'f1\'ff\'f6\'e5\'ec, \'e2 \'ea\'ee\'f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e\'ec \'c7\'e0\'e5\'ec\'f9\'e8\'ea\'f3 \'e1\'fb\'eb\'ee \'</w:t>
      </w:r>
      <w:r w:rsidRPr="005A1F79">
        <w:rPr>
          <w:rFonts w:ascii="Courier New" w:hAnsi="Courier New" w:cs="Courier New"/>
        </w:rPr>
        <w:t>ed\'e0\'ef\'f0\'e0\'e2\'eb\'e5\'ed\'ee \'ef\'e8\'f1\'fc\'ec\'e5\'ed\'ed\'ee\'e5 \'f3\'e2\'e5\'e4\'ee\'ec\'eb\'e5\'ed\'e8\'e5 \'ee\'e1 \'f3\'e2\'e5\'eb\'e8\'f7\'e5\'ed\'e8\'e8 \'ef\'f0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6\'e5\'ed\'f2\'ed\'ee\'e9 \'f1\'f2\'e0\'e2\'ea\'e8.\~ \'d3\'ea\'</w:t>
      </w:r>
      <w:r w:rsidRPr="005A1F79">
        <w:rPr>
          <w:rFonts w:ascii="Courier New" w:hAnsi="Courier New" w:cs="Courier New"/>
        </w:rPr>
        <w:t xml:space="preserve">e0\'e7\'e0\'ed\'ed\'ee\'e5 \'f3\'e2\'e5\'e4\'ee\'ec\'eb\'e5\'ed\'e8\'e5 \'f1\'f7\'e8\'f2\'e0\'e5\'f2\'f1\'ff \'ed\'e0\'ef\'f0\'e0\'e2\'eb\'e5\'ed\'ed\'fb\'ec \'e2 \'ec\'ee\'ec\'e5\'ed\'f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f0\'f3\'f7\'e5\'ed\'e8\'ff \'c7\'e0\'e5\'ec\'f9\'e8\'ea\'f3,</w:t>
      </w:r>
      <w:r w:rsidRPr="005A1F79">
        <w:rPr>
          <w:rFonts w:ascii="Courier New" w:hAnsi="Courier New" w:cs="Courier New"/>
        </w:rPr>
        <w:t xml:space="preserve"> \'e5\'f1\'eb\'e8 \'ee\'ed\'ee \'ed\'e0\'ef\'f0\'e0\'e2\'eb\'e5\'ed\'ee \'f1 \'ed\'e0\'f0\'ee\'f7\'ed\'fb\'ec, \'e8\'eb\'e8 \'e2 \'ec\'ee\'ec\'e5\'ed\'f2 \'f1\'e4\'e0\'f7\'e8 \'e5\'e3\'ee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 \'ee\'f0\'e3\'e0\'ed\'e8\'e7\'e0\'f6\'e8\'fe \'f1\'e2\'ff\'e7</w:t>
      </w:r>
      <w:r w:rsidRPr="005A1F79">
        <w:rPr>
          <w:rFonts w:ascii="Courier New" w:hAnsi="Courier New" w:cs="Courier New"/>
        </w:rPr>
        <w:t>\'e8, \'e5\'f1\'eb\'e8 \'ee\'ed\'ee \'ed\'e0\'ef\'f0\'e0\'e2\'eb\'e5\'ed\'ee \'c7\'e0\'e5\'ec\'f9\'e8\'ea\'f3 \'e7\'e0\'ea\'e0\'e7\'ed\'fb\'ec \'ef\'ee\'f7\'f2\'ee\'e2\'fb\'ec \'ee\'f2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0\'e2\'eb\'e5\'ed\'e8\'e5\'ec \'f1 \'ee\'ef\'e8\'f1\'fc\'fe</w:t>
      </w:r>
      <w:r w:rsidRPr="005A1F79">
        <w:rPr>
          <w:rFonts w:ascii="Courier New" w:hAnsi="Courier New" w:cs="Courier New"/>
        </w:rPr>
        <w:t xml:space="preserve"> \'e2\'eb\'ee\'e6\'e5\'ed\'e8\'ff \'e8 \'f3\'e2\'e5\'e4\'ee\'ec\'eb\'e5\'ed\'e8\'e5\'ec \'ee \'e2\'f0\'f3\'f7\'e5\'ed\'e8\'e8, \'e8\'eb\'e8 \'e2 \'ec\'ee\'ec\'e5\'ed\'f2 \'ef\'e5\'f0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0\'f7\'e8 \'f1\'ee\'ee\'e1\'f9\'e5\'ed\'e8\'ff \'ef\'ee \'d1\</w:t>
      </w:r>
      <w:r w:rsidRPr="005A1F79">
        <w:rPr>
          <w:rFonts w:ascii="Courier New" w:hAnsi="Courier New" w:cs="Courier New"/>
        </w:rPr>
        <w:t>'e8\'f1\'f2\'e5\'ec\'e5 \'c4\'e8\'f1\'f2\'e0\'ed\'f6\'e8\'ee\'ed\'ed\'ee\'e3\'ee \'e1\'e0\'ed\'ea\'ee\'e2\'f1\'ea\'ee\'e3\'ee \'ee\'e1\'f1\'eb\'f3\'e6\'e8\'e2\'e0\'ed\'e8\'ff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fi567\li0\ri0\widctlpar\wrapdefault\aspalpha\aspn</w:t>
      </w:r>
      <w:r w:rsidRPr="005A1F79">
        <w:rPr>
          <w:rFonts w:ascii="Courier New" w:hAnsi="Courier New" w:cs="Courier New"/>
        </w:rPr>
        <w:t xml:space="preserve">um\faauto\adjustright\rin0\lin0\itap0\pararsid4869905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4869905\charrsid13642871 \'c2 \'f1\'eb\'f3\'f7\'e0</w:t>
      </w:r>
      <w:r w:rsidRPr="005A1F79">
        <w:rPr>
          <w:rFonts w:ascii="Courier New" w:hAnsi="Courier New" w:cs="Courier New"/>
        </w:rPr>
        <w:t>\'e5 \'ed\'e0\'ef\'f0\'e0\'e2\'eb\'e5\'ed\'e8\'ff \'ca\'f0\'e5\'e4\'e8\'f2\'ee\'f0\'ee\'ec \'f3\'e2\'e5\'e4\'ee\'ec\'eb\'e5\'ed\'e8\'ff \'ee\'e1 \'f3\'e2\'e5\'eb\'e8\'f7\'e5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8 \'ef\'f0\'ee\'f6\'e5\'ed\'f2\'ed\'ee\'e9 \'f1\'f2\'e0\'e2\'ea\'e8 \'</w:t>
      </w:r>
      <w:r w:rsidRPr="005A1F79">
        <w:rPr>
          <w:rFonts w:ascii="Courier New" w:hAnsi="Courier New" w:cs="Courier New"/>
        </w:rPr>
        <w:t xml:space="preserve">ef\'ee \'ee\'f1\'ed\'ee\'e2\'e0\'ed\'e8\'ff\'ec, \'ef\'f0\'e5\'e4\'f3\'f1\'ec\'ee\'f2\'f0\'e5\'ed\'ed\'fb\'ec \'ed\'e0\'f1\'f2\'ee\'ff\'f9\'e8\'ec \'ef\'f3\'ed\'ea\'f2\'ee\'ec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7\'e0\'e5\'ec\'f9\'e8\'ea \'e4\'ee \'ed\'e0\'f1\'f2\'f3\'ef\'eb\'e5\'ed\'e</w:t>
      </w:r>
      <w:r w:rsidRPr="005A1F79">
        <w:rPr>
          <w:rFonts w:ascii="Courier New" w:hAnsi="Courier New" w:cs="Courier New"/>
        </w:rPr>
        <w:t>8\'ff \'e4\'e0\'f2\'fb \'ed\'e0\'f7\'e0\'eb\'e0 \'e4\'e5\'e9\'f1\'f2\'e2\'e8\'ff \'ed\'ee\'e2\'ee\'e9 \'ef\'f0\'ee\'f6\'e5\'ed\'f2\'ed\'ee\'e9 \'f1\'f2\'e0\'e2\'ea\'e8 \'e2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0\'e2\'e5 \'e4\'ee\'f1\'f0\'ee\'f7\'ed\'ee \'ef\'ee\'e3\'e0\'f1\'e8\'f2</w:t>
      </w:r>
      <w:r w:rsidRPr="005A1F79">
        <w:rPr>
          <w:rFonts w:ascii="Courier New" w:hAnsi="Courier New" w:cs="Courier New"/>
        </w:rPr>
        <w:t>\'fc \'ea\'f0\'e5\'e4\'e8\'f2 \'e1\'e5\'e7 \'f1\'ee\'e3\'eb\'e0\'f1\'ee\'e2\'e0\'ed\'e8\'ff \'f1 \'ca\'f0\'e5\'e4\'e8\'f2\'ee\'f0\'ee\'ec \'e8 \'e1\'e5\'e7 \'f3\'ef\'eb\'e0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b \'ea\'ee\'ec\'e8\'f1\'f1\'e8\'e8 \'e7\'e0 \'e4\'ee\'f1\'f0\'ee\'f7\'ed\'e</w:t>
      </w:r>
      <w:r w:rsidRPr="005A1F79">
        <w:rPr>
          <w:rFonts w:ascii="Courier New" w:hAnsi="Courier New" w:cs="Courier New"/>
        </w:rPr>
        <w:t>e\'e5 \'ef\'ee\'e3\'e0\'f8\'e5\'ed\'e8\'e5 \'e8\'eb\'e8 \'e8\'ed\'fb\'f5 \'e4\'ee\'ef\'ee\'eb\'ed\'e8\'f2\'e5\'eb\'fc\'ed\'fb\'f5 \'ef\'eb\'e0\'f2\'e5\'e6\'e5\'e9, \'f1\'e2\'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0\'ed\'ed\'fb\'f5 \'f1 \'e4\'ee\'f1\'f0\'ee\'f7\'ed\'fb\'ec \'ef\'ee\'e</w:t>
      </w:r>
      <w:r w:rsidRPr="005A1F79">
        <w:rPr>
          <w:rFonts w:ascii="Courier New" w:hAnsi="Courier New" w:cs="Courier New"/>
        </w:rPr>
        <w:t>3\'e0\'f8\'e5\'ed\'e8\'e5\'ec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33 \rtlch\fcs1 \af0\afs22 \ltrch\fcs0 \f3\fs22\insrsid4869905\charrsid13642871 \loch\af3\dbch\af0\hich\f3 \'b7\tab}}\pard\plain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33\qj \fi567\li0\ri0\widctlpar\wrapdefault\aspalp</w:t>
      </w:r>
      <w:r w:rsidRPr="005A1F79">
        <w:rPr>
          <w:rFonts w:ascii="Courier New" w:hAnsi="Courier New" w:cs="Courier New"/>
        </w:rPr>
        <w:t xml:space="preserve">ha\aspnum\faauto\ls46\adjustright\rin0\lin0\itap0\pararsid4869905\contextualspace \rtlch\fcs1 \af0\afs20\alang1025 \ltrch\fcs0 \fs20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4869905\charrsid136428</w:t>
      </w:r>
      <w:r w:rsidRPr="005A1F79">
        <w:rPr>
          <w:rFonts w:ascii="Courier New" w:hAnsi="Courier New" w:cs="Courier New"/>
        </w:rPr>
        <w:t>71 \'ca\'f0\'e5\'e4\'e8\'f2\'ee\'f0 \'e2\'ef\'f0\'e0\'e2\'e5 \'e2 \'ee\'e4\'ed\'ee\'f1\'f2\'ee\'f0\'ee\'ed\'ed\'e5\'ec \'ef\'ee\'f0\'ff\'e4\'ea\'e5 \'f3\'e2\'e5\'eb\'e8\'f7\'e8\'f2\'fc \'f0\'e0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5\'f0 \'ef\'f0\'ee\'f6\'e5\'ed\'f2\'ed\'ee\'e9 \'f</w:t>
      </w:r>
      <w:r w:rsidRPr="005A1F79">
        <w:rPr>
          <w:rFonts w:ascii="Courier New" w:hAnsi="Courier New" w:cs="Courier New"/>
        </w:rPr>
        <w:t>1\'f2\'e0\'e2\'ea\'e8 \'ef\'ee \'ca\'f0\'e5\'e4\'e8\'f2\'f3 \'e2 \'f1\'eb\'f3\'f7\'e0\'e5 \'f3\'e2\'e5\'eb\'e8\'f7\'e5\'ed\'e8\'ff \'f1\'eb\'e5\'e4\'f3\'fe\'f9\'e8\'f5 \'ef\'f0\'ee\'f6\'e5\'ed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fb\'f5 \'e8\'ed\'e4\'e8\'ea\'e0\'f2\'ee\'f0\'ee\'e2:</w:t>
      </w:r>
      <w:r w:rsidRPr="005A1F79">
        <w:rPr>
          <w:rFonts w:ascii="Courier New" w:hAnsi="Courier New" w:cs="Courier New"/>
        </w:rPr>
        <w:t xml:space="preserve">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aspalpha\aspnum\faauto\adjustright\rin0\lin0\itap0\pararsid4869905 \rtlch\fcs1 \af0\afs20\alang1025 \ltrch\fcs0 \fs20\lang1049\langfe1049\cgrid\langnp1049\langfenp1049 {\rtlch\fcs1 \af0\afs</w:t>
      </w:r>
      <w:r w:rsidRPr="005A1F79">
        <w:rPr>
          <w:rFonts w:ascii="Courier New" w:hAnsi="Courier New" w:cs="Courier New"/>
        </w:rPr>
        <w:t xml:space="preserve">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4869905\charrsid13642871          \'e0) \'ea\'eb\'fe\'f7\'e5\'e2\'ee\'e9 \'f1\'f2\'e0\'e2\'ea\'e8 \'c1\'e0\'ed\'ea\'e0 \'d0\'ee\'f1\'f1\'e8\'e8, \'ef\'f3\'e1\'eb\'e8\'ea\'f3\'e5\'ec\'ee\'e9 \'ed\'e0 \'ee\'f4\'e8\'f6\'e8\'e0\'e</w:t>
      </w:r>
      <w:r w:rsidRPr="005A1F79">
        <w:rPr>
          <w:rFonts w:ascii="Courier New" w:hAnsi="Courier New" w:cs="Courier New"/>
        </w:rPr>
        <w:t>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c\'ed\'ee\'ec \'f1\'e0\'e9\'f2\'e5 \'c1\'e0\'ed\'ea\'e0 \'d0\'ee\'f1\'f1\'e8\'e8 \'e2 \'f1\'e5\'f2\'e8 \'c8\'ed\'f2\'e5\'f0\'ed\'e5\'f2 (www.cbr.ru) \'e8/\'e8\'eb\'e8 \'e2 \'f1\'e8\'f1\'f2\'e5\'ec\'e5 Bloomberg (\'ea\'ee\'e4 \'e8\'ed\'f1\'f2\'f0\'f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c\'e5\'ed\'f2\'e0 RREFKEYR Index) \'e8/\'e8\'eb\'e8 \'e2 \'f1\'e8\'f1\'f2\'e5\'ec\'e5 Reuters (\'ea\'ee\'e4 \'e8\'ed\'f1\'f2\'f0\'f3\'ec\'e5\'ed\'f2\'e0 RUKEYRATE=CBRF) \'e8/\'e8\'eb\'e8 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\'e1) \'f1\'f0\'e5\'e4\'ed\'e5\'e0\'f0\'e8\'</w:t>
      </w:r>
      <w:r w:rsidRPr="005A1F79">
        <w:rPr>
          <w:rFonts w:ascii="Courier New" w:hAnsi="Courier New" w:cs="Courier New"/>
        </w:rPr>
        <w:t>f4\'ec\'e5\'f2\'e8\'f7\'e5\'f1\'ea\'ee\'e3\'ee \'e7\'ed\'e0\'f7\'e5\'ed\'e8\'ff \'e7\'e0 \'ea\'e0\'eb\'e5\'ed\'e4\'e0\'f0\'ed\'fb\'e9 \'ec\'e5\'f1\'ff\'f6 \'f1\'f2\'e0\'e2\'ea\'e8 \'e1\'e5\'f1\'ea\'f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e\'ed\'ed\'ee\'e9 \'e4\'ee\'f5\'ee\'e4\'ed\'ee\</w:t>
      </w:r>
      <w:r w:rsidRPr="005A1F79">
        <w:rPr>
          <w:rFonts w:ascii="Courier New" w:hAnsi="Courier New" w:cs="Courier New"/>
        </w:rPr>
        <w:t>'f1\'f2\'e8 \'ce\'d4\'c7 \'f1\'ee \'f1\'f0\'ee\'ea\'ee\'ec \'e4\'ee \'ef\'ee\'e3\'e0\'f8\'e5\'ed\'e8\'ff 3 (\'d2\'f0\'e8) \'e3\'ee\'e4\'e0 \'ef\'ee \'e4\'e0\'ed\'ed\'fb\'ec, \'ef\'f3\'e1\'eb\'e8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e5\'ec\'fb\'ec \'ed\'e0 \'ee\'f4\'e8\'f6\'e8\'e0\'</w:t>
      </w:r>
      <w:r w:rsidRPr="005A1F79">
        <w:rPr>
          <w:rFonts w:ascii="Courier New" w:hAnsi="Courier New" w:cs="Courier New"/>
        </w:rPr>
        <w:t xml:space="preserve">eb\'fc\'ed\'ee\'ec \'f1\'e0\'e9\'f2\'e5 \'c1\'e0\'ed\'ea\'e0 \'d0\'ee\'f1\'f1\'e8\'e8 \'e2 \'f1\'e5\'f2\'e8 \'c8\'ed\'f2\'e5\'f0\'ed\'e5\'f2 (www.cbr.ru).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\'d3\'e2\'e5\'eb\'e8\'f7\'e5\'ed\'e8\'e5 \'e2 \'ee\'e4\'ed\'ee\'f1\'f2\'ee\'f0\'e</w:t>
      </w:r>
      <w:r w:rsidRPr="005A1F79">
        <w:rPr>
          <w:rFonts w:ascii="Courier New" w:hAnsi="Courier New" w:cs="Courier New"/>
        </w:rPr>
        <w:t>e\'ed\'ed\'e5\'ec \'ef\'ee\'f0\'ff\'e4\'ea\'e5 \'ef\'f0\'ee\'f6\'e5\'ed\'f2\'ed\'ee\'e9 \'f1\'f2\'e0\'e2\'ea\'e8 \'ee\'f1\'f3\'f9\'e5\'f1\'f2\'e2\'eb\'ff\'e5\'f2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\'ed\'e0 \'e2\'e5\'eb\'e8\'f7\'e8\'ed\'f3 \'f0\'ee\'f1\'f2\'e0 \'ef\'f0\'ee\'f6\'e5\</w:t>
      </w:r>
      <w:r w:rsidRPr="005A1F79">
        <w:rPr>
          <w:rFonts w:ascii="Courier New" w:hAnsi="Courier New" w:cs="Courier New"/>
        </w:rPr>
        <w:t>'ed\'f2\'ed\'ee\'e3\'ee \'e8\'ed\'e4\'e8\'ea\'e0\'f2\'ee\'f0\'e0. \'d0\'ee\'f1\'f2 \'ef\'f0\'ee\'f6\'e5\'ed\'f2\'ed\'ee\'e3\'ee \'e8\'ed\'e4\'e8\'ea\'e0\'f2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f0\'e0\'f1\'f1\'f7\'e8\'f2\'fb\'e2\'e0\'e5\'f2\'f1\'ff \'ea\'e0\'ea \'f0\'e0\'e7\'e</w:t>
      </w:r>
      <w:r w:rsidRPr="005A1F79">
        <w:rPr>
          <w:rFonts w:ascii="Courier New" w:hAnsi="Courier New" w:cs="Courier New"/>
        </w:rPr>
        <w:t xml:space="preserve">d\'e8\'f6\'e0 \'ec\'e5\'e6\'e4\'f3 \'e7\'ed\'e0\'f7\'e5\'ed\'e8\'ff\'ec\'e8 \'ef\'f0\'ee\'f6\'e5\'ed\'f2\'ed\'ee\'e3\'ee \'e8\'ed\'e4\'e8\'ea\'e0\'f2\'ee\'f0\'e0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5\'e9\'f1\'f2\'e2\'ee\'e2\'e0\'e2\'f8\'e8\'ec\'e8 \'e2 \'ef\'e5\'f0\'e2\'fb\'e9 \'d0</w:t>
      </w:r>
      <w:r w:rsidRPr="005A1F79">
        <w:rPr>
          <w:rFonts w:ascii="Courier New" w:hAnsi="Courier New" w:cs="Courier New"/>
        </w:rPr>
        <w:t>\'e0\'e1\'ee\'f7\'e8\'e9 \'e4\'e5\'ed\'fc \'f2\'e5\'ea\'f3\'f9\'e5\'e3\'ee \'ec\'e5\'f1\'ff\'f6\'e0 \'e8 \'e2 \'ed\'e0\'e8\'e1\'ee\'eb\'e5\'e5 \'ef\'ee\'e7\'e4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e\'fe \'e8\'e7 \'ed\'e8\'e6\'e5\'f1\'eb\'e5\'e4\'f3\'fe\'f9\'e8\'f5 \'e4\'e0\'f2: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- \'e2 \'ef\'e5\'f0\'e2\'fb\'e9 \'d0\'e0\'e1\'ee\'f7\'e8\'e9 \'e4\'e5\'ed\'fc \'ec\'e5\'f1\'ff\'f6\'e0, \'f1\'eb\'e5\'e4\'f3\'fe\'f9\'e5\'e3\'ee \'e7\'e0 \'ec\'e5\'f1\'ff\'f6\'e5\'ec, \'e2 \'ea\'ee\'f2\'ee\'f0\'ee\'ec \'e1\'fb\'eb\'e0 \'f3\'f</w:t>
      </w:r>
      <w:r w:rsidRPr="005A1F79">
        <w:rPr>
          <w:rFonts w:ascii="Courier New" w:hAnsi="Courier New" w:cs="Courier New"/>
        </w:rPr>
        <w:t>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2\'e0\'ed\'ee\'e2\'eb\'e5\'ed\'e0 \'ef\'f0\'ee\'f6\'e5\'ed\'f2\'ed\'e0\'ff \'f1\'f2\'e0\'e2\'ea\'e0 \'ef\'ee \'d1\'ee\'e3\'eb\'e0\'f8\'e5\'ed\'e8\'fe (\'e7\'e0\'ea\'eb\'fe\'f7\'e5\'ed\'ee \'d1\'ee\'e3\'eb\'e0\'f8\'e5\'ed\'e8\'e5);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        </w:t>
      </w:r>
      <w:r w:rsidRPr="005A1F79">
        <w:rPr>
          <w:rFonts w:ascii="Courier New" w:hAnsi="Courier New" w:cs="Courier New"/>
        </w:rPr>
        <w:t xml:space="preserve"> - \'e2 \'ef\'e5\'f0\'e2\'fb\'e9 \'d0\'e0\'e1\'ee\'f7\'e8\'e9 \'e4\'e5\'ed\'fc \'ec\'e5\'f1\'ff\'f6\'e0, \'f1\'eb\'e5\'e4\'f3\'fe\'f9\'e5\'e3\'ee \'e7\'e0 \'ec\'e5\'f1\'ff\'f6\'e5\'ec, \'e2 \'ea\'ee\'f2\'ee\'f0\'ee\'ec \'e7\'e0\'ea\'eb\'fe\'f7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</w:t>
      </w:r>
      <w:r w:rsidRPr="005A1F79">
        <w:rPr>
          <w:rFonts w:ascii="Courier New" w:hAnsi="Courier New" w:cs="Courier New"/>
        </w:rPr>
        <w:t>e \'e4\'ee\'ef\'ee\'eb\'ed\'e8\'f2\'e5\'eb\'fc\'ed\'ee\'e5 \'f1\'ee\'e3\'eb\'e0\'f8\'e5\'ed\'e8\'e5 \'ea \'d1\'ee\'e3\'eb\'e0\'f8\'e5\'ed\'e8\'fe, \'ef\'f0\'e5\'e4\'f3\'f1\'ec\'e0\'f2\'f0\'e8\'e2\'e0\'fe\'f9\'e5\'e5 \'e8\'e7\'ec\'e5\'ed\'e5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</w:t>
      </w:r>
      <w:r w:rsidRPr="005A1F79">
        <w:rPr>
          <w:rFonts w:ascii="Courier New" w:hAnsi="Courier New" w:cs="Courier New"/>
        </w:rPr>
        <w:t xml:space="preserve">'ef\'f0\'ee\'f6\'e5\'ed\'f2\'ed\'ee\'e9 \'f1\'f2\'e0\'e2\'ea\'e8 \'ef\'ee \'d1\'ee\'e3\'eb\'e0\'f8\'e5\'ed\'e8\'fe;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- \'e2 \'ef\'e5\'f0\'e2\'fb\'e9 \'d0\'e0\'e1\'ee\'f7\'e8\'e9 \'e4\'e5\'ed\'fc \'ec\'e5\'f1\'ff\'f6\'e0, \'e2 \'ea\'ee\'f</w:t>
      </w:r>
      <w:r w:rsidRPr="005A1F79">
        <w:rPr>
          <w:rFonts w:ascii="Courier New" w:hAnsi="Courier New" w:cs="Courier New"/>
        </w:rPr>
        <w:t>2\'ee\'f0\'ee\'ec \'e1\'fb\'eb\'ee \'ed\'e0\'ef\'f0\'e0\'e2\'eb\'e5\'ed\'ee \'ef\'ee\'f1\'eb\'e5\'e4\'ed\'e5\'e5 \'f3\'e2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e\'ec\'eb\'e5\'ed\'e8\'e5 \'ee\'e1 \'e8\'e7\'ec\'e5\'ed\'e5\'ed\'e8\'e8 \'ef\'f0\'ee\'f6\'e5\'ed\'f2\'ed\'ee\'e9 \'f1\'f2\</w:t>
      </w:r>
      <w:r w:rsidRPr="005A1F79">
        <w:rPr>
          <w:rFonts w:ascii="Courier New" w:hAnsi="Courier New" w:cs="Courier New"/>
        </w:rPr>
        <w:t xml:space="preserve">'e0\'e2\'ea\'e8 \'ef\'ee \'d1\'ee\'e3\'eb\'e0\'f8\'e5\'ed\'e8\'fe.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\'cf\'f0\'e8 \'ee\'e4\'ed\'ee\'e2\'f0\'e5\'ec\'e5\'ed\'ed\'ee\'ec \'e8\'e7\'ec\'e5\'ed\'e5\'ed\'e8\'e8 \'e4\'e2\'f3\'f5 \'ef\'f0\'ee\'f6\'e5\'ed\'f2\'ed\'fb\'f5 \'e8\'ed</w:t>
      </w:r>
      <w:r w:rsidRPr="005A1F79">
        <w:rPr>
          <w:rFonts w:ascii="Courier New" w:hAnsi="Courier New" w:cs="Courier New"/>
        </w:rPr>
        <w:t>\'e4\'e8\'ea\'e0\'f2\'ee\'f0\'ee\'e2 \'e4\'eb\'ff \'ee\'ef\'f0\'e5\'e4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d\'e8\'ff \'ed\'ee\'e2\'ee\'e9 \'ef\'f0\'ee\'f6\'e5\'ed\'f2\'ed\'ee\'e9 \'f1\'f2\'e0\'e2\'ea\'e8 \'e2 \'f0\'e0\'f1\'f7\'e5\'f2 \'ef\'f0\'e8\'ed\'e8\'ec\'e0\'fe\'f2\'f1\'</w:t>
      </w:r>
      <w:r w:rsidRPr="005A1F79">
        <w:rPr>
          <w:rFonts w:ascii="Courier New" w:hAnsi="Courier New" w:cs="Courier New"/>
        </w:rPr>
        <w:t>ff \'e7\'ed\'e0\'f7\'e5\'ed\'e8\'ff \'e8\'ed\'e4\'e8\'ea\'e0\'f2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, \'f3\'e2\'e5\'eb\'e8\'f7\'e8\'e2\'f8\'e5\'e3\'ee\'f1\'ff \'ed\'e0 \'e1\'ee\'eb\'fc\'f8\'f3\'fe \'e2\'e5\'eb\'e8\'f7\'e8\'ed\'f3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b\f</w:t>
      </w:r>
      <w:r w:rsidRPr="005A1F79">
        <w:rPr>
          <w:rFonts w:ascii="Courier New" w:hAnsi="Courier New" w:cs="Courier New"/>
        </w:rPr>
        <w:t xml:space="preserve">s22\insrsid4869905\charrsid13642871 \'cf\'ee\'f0\'ff\'e4\'ee\'ea \'f3\'ef\'eb\'e0\'f2\'fb \'ef\'f0\'ee\'f6\'e5\'ed\'f2\'ee\'e2: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sb20\sa20\nowidctlpar\tx0\wrapdefault\aspalpha\aspnum\faauto\adjustright\rin0\lin0\itap0\parar</w:t>
      </w:r>
      <w:r w:rsidRPr="005A1F79">
        <w:rPr>
          <w:rFonts w:ascii="Courier New" w:hAnsi="Courier New" w:cs="Courier New"/>
        </w:rPr>
        <w:t xml:space="preserve">sid4869905 {\rtlch\fcs1 \af0\afs22 \ltrch\fcs0 \fs22\insrsid4869905\charrsid13642871 \'c5\'e6\'e5\'ec\'e5\'f1\'ff\'f7\'ed\'ee 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e\'f1\'eb\'e5\'e4\'ed\'e8\'e9 \'f0\'e0\'e1\'ee\'f7\'e8\'e9 \'e4\'e5\'ed\'fc \'ec\'e5\'f1\'ff\'f6\'e0, \'ed\'e0\'f7\'</w:t>
      </w:r>
      <w:r w:rsidRPr="005A1F79">
        <w:rPr>
          <w:rFonts w:ascii="Courier New" w:hAnsi="Courier New" w:cs="Courier New"/>
        </w:rPr>
        <w:t>e8\'f1\'eb\'e5\'ed\'ed\'fb\'e5 \'e7\'e0 \'f2\'e5\'ea\'f3\'f9\'e8\'e9 \'ea\'e0\'eb\'e5\'ed\'e4\'e0\'f0\'ed\'fb\'e9 \'ec\'e5\'f1\'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6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c2 \'f1\'eb\'f3\'f7\'e0\'e5, \'e5\'f1\'eb\'e8 \'f4\'e8\'ed\'e0\'ed\'f1\'ee\'e2\'ee\'e5 \'f1\'ee\'f1\'f2\'ee\'f</w:t>
      </w:r>
      <w:r w:rsidRPr="005A1F79">
        <w:rPr>
          <w:rFonts w:ascii="Courier New" w:hAnsi="Courier New" w:cs="Courier New"/>
        </w:rPr>
        <w:t>f\'ed\'e8\'e5 \'c7\'e0\'e5\'ec\'f9\'e8\'ea\'e0 \'ed\'e0 \'ec\'ee\'ec\'e5\'ed\'f2 \'e7\'e0\'ea\'eb\'fe\'f7\'e5\'ed\'e8\'ff \'ea\'f0\'e5\'e4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d\'ee\'e9 \'f1\'e4\'e5\'eb\'ea\'e8 \'ed\'e5 \'ec\'ee\'e6\'e5\'f2 \'e1\'fb\'f2\'fc \'ee\'f6\'e5\'ed\'e5\'e</w:t>
      </w:r>
      <w:r w:rsidRPr="005A1F79">
        <w:rPr>
          <w:rFonts w:ascii="Courier New" w:hAnsi="Courier New" w:cs="Courier New"/>
        </w:rPr>
        <w:t>d\'ee \'ea\'e0\'ea \'ab\'f5\'ee\'f0\'ee\'f8\'e5\'e5\'bb \'e4\'eb\'ff \'f6\'e5\'eb\'e5\'e9 \'f4\'ee\'f0\'ec\'e8\'f0\'ee\'e2\'e0\'ed\'e8\'ff 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7\'e5\'f0\'e2\'ee\'e2, \'c7\'e0\'e5\'ec\'f9\'e8\'ea \'e2 \'ee\'e1\'ff\'e7\'e0\'f2\'e5\'eb\'fc\'ed\'ee\'e</w:t>
      </w:r>
      <w:r w:rsidRPr="005A1F79">
        <w:rPr>
          <w:rFonts w:ascii="Courier New" w:hAnsi="Courier New" w:cs="Courier New"/>
        </w:rPr>
        <w:t>c \'ef\'ee\'f0\'ff\'e4\'ea\'e5 \'f3\'ef\'eb\'e0\'f7\'e8\'e2\'e0\'e5\'f2 \'ef\'f0\'e5\'e4\'e2\'e0\'f0\'e8\'f2\'e5\'eb\'fc\'ed\'fb\'e9 \'ef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2\'e5\'e6 \'e2 \'f1\'f7\'e5\'f2 \'f3\'ef\'eb\'e0\'f2\'fb \'ef\'f0\'ee\'f6\'e5\'ed\'f2\'ee\'e2, \'ef\'f0\'e</w:t>
      </w:r>
      <w:r w:rsidRPr="005A1F79">
        <w:rPr>
          <w:rFonts w:ascii="Courier New" w:hAnsi="Courier New" w:cs="Courier New"/>
        </w:rPr>
        <w:t>8 \'f3\'f1\'eb\'ee\'e2\'e8\'e8 \'e2\'ed\'e5\'e4\'f0\'e5\'ed\'e8\'ff \'f3\'ea\'e0\'e7\'e0\'ed\'ed\'ee\'e3\'ee \'ec\'e5\'f5\'e0\'ed\'e8\'e7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ef\'ee \'ec\'e5\'f1\'f2\'f3 \'ef\'f0\'ee\'e2\'e5\'e4\'e5\'ed\'e8\'ff \'f1\'e4\'e5\'eb\'ea\'e8. \'cc\'e5\'f</w:t>
      </w:r>
      <w:r w:rsidRPr="005A1F79">
        <w:rPr>
          <w:rFonts w:ascii="Courier New" w:hAnsi="Courier New" w:cs="Courier New"/>
        </w:rPr>
        <w:t>5\'e0\'ed\'e8\'e7\'ec \'ef\'f0\'e5\'e4\'e2\'e0\'f0\'e8\'f2\'e5\'eb\'fc\'ed\'ee\'e9 \'f3\'ef\'eb\'e0\'f2\'fb \'ef\'f0\'ee\'f6\'e5\'ed\'f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2 \'ef\'f0\'e8\'ec\'e5\'ed\'ff\'e5\'f2\'f1\'ff \'e2 \'f1\'eb\'f3\'f7\'e0\'e5 \'ee\'f2\'ea\'e0\'e7\'e0 \'ee\'f2 </w:t>
      </w:r>
      <w:r w:rsidRPr="005A1F79">
        <w:rPr>
          <w:rFonts w:ascii="Courier New" w:hAnsi="Courier New" w:cs="Courier New"/>
        </w:rPr>
        <w:t>\'e2\'e7\'e8\'ec\'e0\'ed\'e8\'ff \'ea\'ee\'ec\'e8\'f1\'f1\'e8\'e8 \'e7\'e0 \'e2\'fb\'e4\'e0\'f7\'f3 \'ea\'f0\'e5\'e4\'e8\'f2\'e0/ \'ef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4\'ee\'f1\'f2\'e0\'e2\'eb\'e5\'ed\'e8\'e5 \'ea\'f0\'e5\'e4\'e8\'f2\'ed\'ee\'e9 \'eb\'e8\'ed\'e8\'e8}{\rtlch\f</w:t>
      </w:r>
      <w:r w:rsidRPr="005A1F79">
        <w:rPr>
          <w:rFonts w:ascii="Courier New" w:hAnsi="Courier New" w:cs="Courier New"/>
        </w:rPr>
        <w:t xml:space="preserve">cs1 \ab\ai\af0\afs22 \ltrch\fcs0 \fs22\insrsid4869905\charrsid13642871 .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s22\insrsid4869905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</w:t>
      </w:r>
      <w:r w:rsidRPr="005A1F79">
        <w:rPr>
          <w:rFonts w:ascii="Courier New" w:hAnsi="Courier New" w:cs="Courier New"/>
        </w:rPr>
        <w:t>pararsid4869905 {\rtlch\fcs1 \af0\afs22 \ltrch\fcs0 \fs22\lang1049\langfe1033\langfenp1033\insrsid4869905\charrsid13642871 \'cf\'f0\'e8 \'ee\'ef\'eb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5 \'ef\'f0\'e5\'e4\'e2\'e0\'f0\'e8\'f2\'e5\'eb\'fc\'ed\'ee\'e3\'ee \'ef\'eb\'e0\'f2\'e5\'e6\'e0</w:t>
      </w:r>
      <w:r w:rsidRPr="005A1F79">
        <w:rPr>
          <w:rFonts w:ascii="Courier New" w:hAnsi="Courier New" w:cs="Courier New"/>
        </w:rPr>
        <w:t xml:space="preserve"> \'e2 \'f1\'f7\'e5\'f2 \'f3\'ef\'eb\'e0\'f2\'fb \'ef\'f0\'ee\'f6\'e5\'ed\'f2\'ee\'e2 \'e2\'e7\'e8\'ec\'e0\'ed\'e8\'e5 \'ea\'ee\'ec\'e8\'f1\'f1\'e8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0 \'e2\'fb\'e4\'e0\'f7\'f3 \'ea\'f0\'e5\'e4\'e8\'f2\'e0/ \'ea\'f0\'e5\'e4\'e8\'f2\'ed\'ee\'e9 \'</w:t>
      </w:r>
      <w:r w:rsidRPr="005A1F79">
        <w:rPr>
          <w:rFonts w:ascii="Courier New" w:hAnsi="Courier New" w:cs="Courier New"/>
        </w:rPr>
        <w:t xml:space="preserve">eb\'e8\'ed\'e8\'e8 \'ed\'e5 \'f2\'f0\'e5\'e1\'f3\'e5\'f2\'f1\'ff.}{\rtlch\fcs1 \af0\afs22 \ltrch\fcs0 \fs22\insrsid4869905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widctlpar\tx317\wrapdefault\aspalpha\aspnum\faauto\adjustright\rin0\lin0</w:t>
      </w:r>
      <w:r w:rsidRPr="005A1F79">
        <w:rPr>
          <w:rFonts w:ascii="Courier New" w:hAnsi="Courier New" w:cs="Courier New"/>
        </w:rPr>
        <w:t xml:space="preserve">\itap0\pararsid4869905 \rtlch\fcs1 \af0\afs24\alang1025 \ltrch\fcs0 \f1\fs20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b\af0\afs22 \ltrch\fcs0 \b\f0\fs22\expnd4\expndtw20\insrsid4869905\charrsid13642871 \'cd\'e5\'f3\'f1\'f2\'ee\'e9</w:t>
      </w:r>
      <w:r w:rsidRPr="005A1F79">
        <w:rPr>
          <w:rFonts w:ascii="Courier New" w:hAnsi="Courier New" w:cs="Courier New"/>
        </w:rPr>
        <w:t xml:space="preserve">\'ea\'e8/\'ea\'ee\'ec\'e8\'f1\'f1\'e8\'e8/ \'e2\'ee\'e7\'ed\'e0\'e3\'f0\'e0\'e6\'e4\'e5\'ed\'e8\'ff: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0\fs22\insrsid4869905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6\qj \li0\ri0\sb20\sa20\widctlpar\tx252\tqc\tx</w:t>
      </w:r>
      <w:r w:rsidRPr="005A1F79">
        <w:rPr>
          <w:rFonts w:ascii="Courier New" w:hAnsi="Courier New" w:cs="Courier New"/>
        </w:rPr>
        <w:t xml:space="preserve">4153\tqr\tx8306\wrapdefault\aspalpha\aspnum\faauto\adjustright\rin0\lin0\itap0\pararsid4869905 \rtlch\fcs1 \af0\afs20\alang1025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0\lang1049\langfe1049\cgrid\langnp1049\langfenp1049 {\rtlch\fcs1 \af0\afs22 \ltrch\fcs0 \fs22\insrsid4869905\c</w:t>
      </w:r>
      <w:r w:rsidRPr="005A1F79">
        <w:rPr>
          <w:rFonts w:ascii="Courier New" w:hAnsi="Courier New" w:cs="Courier New"/>
        </w:rPr>
        <w:t>harrsid13642871 - \'ed\'e5\'f3\'f1\'f2\'ee\'e9\'ea\'e0 \'e2 \'f0\'e0\'e7\'ec\'e5\'f0\'e5 1% \'e3\'ee\'e4\'ee\'e2\'fb\'f5 \'ee\'f2 \'f1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4\'ed\'e5\'e9 \'f1\'f3\'ec\'ec\'fb \'e7\'e0\'e4\'ee\'eb\'e6\'e5\'ed\'ed\'ee\'f1\'f2\'e8 \'ef\'ee \'ee\'f1\'ed</w:t>
      </w:r>
      <w:r w:rsidRPr="005A1F79">
        <w:rPr>
          <w:rFonts w:ascii="Courier New" w:hAnsi="Courier New" w:cs="Courier New"/>
        </w:rPr>
        <w:t>\'ee\'e2\'ed\'ee\'ec\'f3 \'e4\'ee\'eb\'e3\'f3 \'ef\'ee \'f1\'ee\'ee\'f2\'e2\'e5\'f2\'f1\'f2\'e2\'f3\'fe\'f9\'e5\'ec\'f3 \'f1\'ee\'e3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8\'e5\'ed\'e8\'fe \'e7\'e0 \'ef\'e5\'f0\'e8\'ee\'e4, \'e2 \'ea\'ee\'f2\'ee\'f0\'ee\'ec \'ee\'e1\'ff\'e7\'e0\'f2</w:t>
      </w:r>
      <w:r w:rsidRPr="005A1F79">
        <w:rPr>
          <w:rFonts w:ascii="Courier New" w:hAnsi="Courier New" w:cs="Courier New"/>
        </w:rPr>
        <w:t>\'e5\'eb\'fc\'f1\'f2\'e2\'ee \'ef\'ee \'ef\'ee\'e4\'e4\'e5\'f0\'e6\'e0\'ed\'e8\'fe \'ea\'f0\'e5\'e4\'e8\'f2\'ee\'e2\'fb\'f5 \'ee\'e1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e\'f2\'ee\'e2 \'e1\'fb\'eb\'ee \'ed\'e0\'f0\'f3\'f8\'e5\'ed\'ee. \'d3\'ef\'eb\'e0\'f2\'e0 \'ed\'e5\'f3\'f1\'f2\</w:t>
      </w:r>
      <w:r w:rsidRPr="005A1F79">
        <w:rPr>
          <w:rFonts w:ascii="Courier New" w:hAnsi="Courier New" w:cs="Courier New"/>
        </w:rPr>
        <w:t>'ee\'e9\'ea\'e8 \'ef\'f0\'ee\'e8\'e7\'e2\'ee\'e4\'e8\'f2\'f1\'ff \'e2 \'e4\'e0\'f2\'fb \'f3\'ef\'eb\'e0\'f2\'fb \'ef\'f0\'ee\'f6\'e5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e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sb20\sa20\widctlpar\tx260\wrapdefault\aspalpha\aspnum\faauto\</w:t>
      </w:r>
      <w:r w:rsidRPr="005A1F79">
        <w:rPr>
          <w:rFonts w:ascii="Courier New" w:hAnsi="Courier New" w:cs="Courier New"/>
        </w:rPr>
        <w:t>adjustright\rin0\lin0\itap0\pararsid4869905 \rtlch\fcs1 \af0\afs24\alang1025 \ltrch\fcs0 \f1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f0\fs22\insrsid4869905\charrsid13642871 - \'ed\'e5\'f3\'f1\'f2\'ee\'e</w:t>
      </w:r>
      <w:r w:rsidRPr="005A1F79">
        <w:rPr>
          <w:rFonts w:ascii="Courier New" w:hAnsi="Courier New" w:cs="Courier New"/>
        </w:rPr>
        <w:t>9\'ea\'e0 \'e2 \'f0\'e0\'e7\'ec\'e5\'f0\'e5 1% \'e3\'ee\'e4\'ee\'e2\'fb\'f5 \'ee\'f2 \'f1\'f0\'e5\'e4\'ed\'e5\'e9 \'f1\'f3\'ec\'ec\'fb \'e7\'e0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b\'e6\'e5\'ed\'ed\'ee\'f1\'f2\'e8 \'ef\'ee \'ee\'f1\'ed\'ee\'e2\'ed\'ee\'ec\'f3 \'e4\'ee\'eb\'e3\'f3</w:t>
      </w:r>
      <w:r w:rsidRPr="005A1F79">
        <w:rPr>
          <w:rFonts w:ascii="Courier New" w:hAnsi="Courier New" w:cs="Courier New"/>
        </w:rPr>
        <w:t xml:space="preserve"> \'ef\'ee \'f1\'ee\'ee\'f2\'e2\'e5\'f2\'f1\'f2\'e2\'f3\'fe\'f9\'e5\'ec\'f3 \'f1\'ee\'e3\'eb\'e0\'f8\'e5\'ed\'e8\'fe \'e7\'e0 \'ef\'e5\'f0\'e8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, \'e2 \'ea\'ee\'f2\'ee\'f0\'ee\'ec \'ee\'e1\'ff\'e7\'e0\'f2\'e5\'eb\'fc\'f1\'f2\'e2\'ee \'ef\'ee \'ef\'e</w:t>
      </w:r>
      <w:r w:rsidRPr="005A1F79">
        <w:rPr>
          <w:rFonts w:ascii="Courier New" w:hAnsi="Courier New" w:cs="Courier New"/>
        </w:rPr>
        <w:t>e\'e4\'e4\'e5\'f0\'e6\'e0\'ed\'e8\'fe \'e4\'e5\'e1\'e5\'f2\'ee\'e2\'fb\'f5 \'ee\'e1\'ee\'f0\'ee\'f2\'ee\'e2 \'e1\'fb\'eb\'ee \'ed\'e0\'f0\'f3\'f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d\'ee. \'d3\'ef\'eb\'e0\'f2\'e0 \'ed\'e5\'f3\'f1\'f2\'ee\'e9\'ea\'e8 \'ef\'f0\'ee\'e8\'e7\'e2\'ee\'e4\</w:t>
      </w:r>
      <w:r w:rsidRPr="005A1F79">
        <w:rPr>
          <w:rFonts w:ascii="Courier New" w:hAnsi="Courier New" w:cs="Courier New"/>
        </w:rPr>
        <w:t>'e8\'f2\'f1\'ff \'e2 \'e4\'e0\'f2\'fb \'f3\'ef\'eb\'e0\'f2\'fb \'ef\'f0\'ee\'f6\'e5\'ed\'f2\'ee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3\qj \li0\ri0\widctlpar\wrapdefault\nooverflow\faroman\rin0\lin0\itap0\pararsid4869905\contextualspace \rtlch\fcs1 \af0\afs20\</w:t>
      </w:r>
      <w:r w:rsidRPr="005A1F79">
        <w:rPr>
          <w:rFonts w:ascii="Courier New" w:hAnsi="Courier New" w:cs="Courier New"/>
        </w:rPr>
        <w:t xml:space="preserve">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\fs22\insrsid4869905\charrsid13642871 - \'c7\'e0 \'e2\'fb\'e4\'e0\'f7\'f3 \'ea\'f0\'e5\'e4\'e8\'f2\'ed\'ee\'e9 \'eb\'e8\'ed\'e8\'e8: 30 000 </w:t>
      </w:r>
      <w:r w:rsidRPr="005A1F79">
        <w:rPr>
          <w:rFonts w:ascii="Courier New" w:hAnsi="Courier New" w:cs="Courier New"/>
        </w:rPr>
        <w:t>\'f0\'f3\'e1. (\'e2\'e7\'e8\'ec\'e0\'e5\'f2\'f1\'ff \'e2 \'ee\'e1\'ff\'e7\'e0\'f2\'e5\'eb\'fc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 \'ef\'ee\'f0\'ff\'e4\'ea\'e5, \'e5\'f1\'eb\'e8 \'f4\'e8\'ed\'e0\'ed\'f1\'ee\'e2\'ee\'e5 \'f1\'ee\'f1\'f2\'ee\'ff\'ed\'e8\'e5 \'c7\'e0\'e5\'ec\'f9\'e</w:t>
      </w:r>
      <w:r w:rsidRPr="005A1F79">
        <w:rPr>
          <w:rFonts w:ascii="Courier New" w:hAnsi="Courier New" w:cs="Courier New"/>
        </w:rPr>
        <w:t xml:space="preserve">8\'ea\'e0 \'ed\'e5 \'ec\'ee\'e6\'e5\'f2 \'e1\'fb\'f2\'fc \'ee\'f6\'e5\'ed\'e5\'ed\'ee \'ea\'e0\'ea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ab\'f5\'ee\'f0\'ee\'f8\'e5\'e5\'bb \'e4\'eb\'ff \'f6\'e5\'eb\'e5\'e9 \'f4\'ee\'f0\'ec\'e8\'f0\'ee\'e2\'e0\'ed\'e8\'ff \'f0\'e5\'e7\'e5\'f0\'e2\'ee\'e2 \'</w:t>
      </w:r>
      <w:r w:rsidRPr="005A1F79">
        <w:rPr>
          <w:rFonts w:ascii="Courier New" w:hAnsi="Courier New" w:cs="Courier New"/>
        </w:rPr>
        <w:t xml:space="preserve">ed\'e0 \'ec\'ee\'ec\'e5\'ed\'f2 \'e7\'e0\'ea\'eb\'fe\'f7\'e5\'ed\'e8\'ff \'f1\'e4\'e5\'eb\'ea\'e8)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d3\'ef\'eb\'e0\'f7\'e8\'e2\'e0\'e5\'f2\'f1\'ff \'e4\'ee \'ef\'e5\'f0\'e2\'ee\'e3\'ee \'e8\'f1\'ef\'ee\'eb\'fc\'e7\'ee\'e2\'e0\'ed\'e8\'ff \'f1\'f0\'e5\'</w:t>
      </w:r>
      <w:r w:rsidRPr="005A1F79">
        <w:rPr>
          <w:rFonts w:ascii="Courier New" w:hAnsi="Courier New" w:cs="Courier New"/>
        </w:rPr>
        <w:t>e4\'f1\'f2\'e2 \'ef\'ee \'ea\'f0\'e5\'e4\'e8\'f2\'ed\'ee\'e9 \'f1\'e4\'e5\'eb\'ea\'e5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0\qj \li0\ri0\widctlpar\wrapdefault\aspalpha\aspnum\faauto\adjustright\rin0\lin0\itap0\pararsid4869905 \rtlch\fcs1 \af0\afs20\alang1025 \ltr</w:t>
      </w:r>
      <w:r w:rsidRPr="005A1F79">
        <w:rPr>
          <w:rFonts w:ascii="Courier New" w:hAnsi="Courier New" w:cs="Courier New"/>
        </w:rPr>
        <w:t xml:space="preserve">ch\fcs0 \fs22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insrsid4869905\charrsid13642871 - \'d8\'f2\'f0\'e0\'f4 \'e2 \'f0\'e0\'e7\'ec\'e5\'f0\'e5\~0.01% \'ee\'f2 \'f1\'f3\'ec\'ec\'fb \'ee\'f1\'f2\'e0\'f2\'ea\'e</w:t>
      </w:r>
      <w:r w:rsidRPr="005A1F79">
        <w:rPr>
          <w:rFonts w:ascii="Courier New" w:hAnsi="Courier New" w:cs="Courier New"/>
        </w:rPr>
        <w:t>0 \'ee\'f1\'ed\'ee\'e2\'ed\'ee\'e3\'ee \'e4\'ee\'eb\'e3\'e0 \'ef\'ee \'ea\'f0\'e5\'e4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d\'ee\'ec\'f3 \'f1\'ee\'e3\'eb\'e0\'f8\'e5\'ed\'e8\'fe \'e2 \'f1\'eb\'f3\'f7\'e0\'e5 \'ed\'e5\'e8\'f1\'ef\'ee\'eb\'ed\'e5\'ed\'e8\'ff\\\'ed\'e5\'ed\'e0\'e4\'e</w:t>
      </w:r>
      <w:r w:rsidRPr="005A1F79">
        <w:rPr>
          <w:rFonts w:ascii="Courier New" w:hAnsi="Courier New" w:cs="Courier New"/>
        </w:rPr>
        <w:t>b\'e5\'e6\'e0\'f9\'e5\'e3\'ee \'e8\'f1\'ef\'ee\'eb\'ed\'e5\'ed\'e8\'ff \'e7\'e0\'e5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9\'e8\'ea\'ee\'ec \'f4\'e8\'ed\'e0\'ed\'f1\'ee\'e2\'fb\'f5 \'ea\'ee\'e2\'e5\'ed\'e0\'ed\'f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4\qj \fi-284\li284\ri0\widctlpar\wrapdefau</w:t>
      </w:r>
      <w:r w:rsidRPr="005A1F79">
        <w:rPr>
          <w:rFonts w:ascii="Courier New" w:hAnsi="Courier New" w:cs="Courier New"/>
        </w:rPr>
        <w:t xml:space="preserve">lt\faauto\rin0\lin284\itap0\pararsid4869905 \rtlch\fcs1 \af1\afs24\alang1025 \ltrch\fcs0 \f1\fs24\cf1\lang1049\langfe1049\cgrid\langnp1049\langfenp1049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cf0\insrsid4869905\charrsid13642871 - \'ed\'e5\'f3\'f1\'f</w:t>
      </w:r>
      <w:r w:rsidRPr="005A1F79">
        <w:rPr>
          <w:rFonts w:ascii="Courier New" w:hAnsi="Courier New" w:cs="Courier New"/>
        </w:rPr>
        <w:t>2\'ee\'e9\'ea\'e0 \'e2 \'f0\'e0\'e7\'ec\'e5\'f0\'e5 1/365 \'ec\'e0\'ea\'f1\'e8\'ec\'e0\'eb\'fc\'ed\'ee\'e9 \'ef\'f0\'ee\'f6\'e5\'ed\'f2\'ed\'ee\'e9 \'f1\'f2\'e0\'e2\'ea\'e8 \'e7\'e0 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6\'e4\'fb\'e9 \'e4\'e5\'ed\'fc \'ef\'f0\'ee\'f1\'f0\'ee\'f7\'</w:t>
      </w:r>
      <w:r w:rsidRPr="005A1F79">
        <w:rPr>
          <w:rFonts w:ascii="Courier New" w:hAnsi="Courier New" w:cs="Courier New"/>
        </w:rPr>
        <w:t xml:space="preserve">ea\'e8, \'ed\'e0\'f7\'e8\'f1\'eb\'ff\'e5\'ec\'e0\'ff \'ed\'e0 \'f1\'f3\'ec\'ec\'f3 \'ef\'f0\'ee\'f1\'f0\'ee\'f7\'e5\'ed\'ed\'ee\'e9 \'e7\'e0\'e4\'ee\'eb\'e6\'e5\'ed\'ed\'ee\'f1\'f2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e \'ee\'f1\'ed\'ee\'e2\'ed\'ee\'ec\'f3 \'e4\'ee\'eb\'e3\'f3}{\</w:t>
      </w:r>
      <w:r w:rsidRPr="005A1F79">
        <w:rPr>
          <w:rFonts w:ascii="Courier New" w:hAnsi="Courier New" w:cs="Courier New"/>
        </w:rPr>
        <w:t xml:space="preserve">rtlch\fcs1 \af0\afs22 \ltrch\fcs0 \f0\fs22\insrsid4869905\charrsid13642871 ;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0\fs22\cf0\insrsid4869905\charrsid13642871 - \'ed\'e5\'f3\'f1\'f2\'ee\'e9\'ea\'e0 \'e2 \'f0\'e0\'e7\'ec\'e5\'f0\'e5 2/365 \'ec\'e0\'e</w:t>
      </w:r>
      <w:r w:rsidRPr="005A1F79">
        <w:rPr>
          <w:rFonts w:ascii="Courier New" w:hAnsi="Courier New" w:cs="Courier New"/>
        </w:rPr>
        <w:t>a\'f1\'e8\'ec\'e0\'eb\'fc\'ed\'ee\'e9 \'ef\'f0\'ee\'f6\'e5\'ed\'f2\'ed\'ee\'e9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0\'e2\'ea\'e8 \'e7\'e0 \'ea\'e0\'e6\'e4\'fb\'e9 \'e4\'e5\'ed\'fc \'ef\'f0\'ee\'f1\'f0\'ee\'f7\'ea\'e8, \'ed\'e0\'f7\'e8\'f1\'eb\'ff\'e5\'ec\'e0\'ff \'ed\'e0 \'f1\'f</w:t>
      </w:r>
      <w:r w:rsidRPr="005A1F79">
        <w:rPr>
          <w:rFonts w:ascii="Courier New" w:hAnsi="Courier New" w:cs="Courier New"/>
        </w:rPr>
        <w:t>3\'ec\'ec\'f3 \'ef\'f0\'ee\'f1\'f0\'ee\'f7\'e5\'ed\'ed\'ee\'e9 \'e7\'e0\'e4\'ee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6\'e5\'ed\'ed\'ee\'f1\'f2\'e8 \'ef\'ee \'ef\'f0\'ee\'f6\'e5\'ed\'f2\'e0\'ec/\'ea\'ee\'ec\'e8\'f1\'f1\'e8\'ff\'ec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</w:t>
      </w:r>
      <w:r w:rsidRPr="005A1F79">
        <w:rPr>
          <w:rFonts w:ascii="Courier New" w:hAnsi="Courier New" w:cs="Courier New"/>
        </w:rPr>
        <w:t xml:space="preserve">default\aspalpha\aspnum\faauto\adjustright\rin0\lin0\itap0\pararsid4869905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4869905\charrsid13642871  - \</w:t>
      </w:r>
      <w:r w:rsidRPr="005A1F79">
        <w:rPr>
          <w:rFonts w:ascii="Courier New" w:hAnsi="Courier New" w:cs="Courier New"/>
        </w:rPr>
        <w:t xml:space="preserve">'ed\'e5\'f3\'f1\'f2\'ee\'e9\'ea\'e0 \'e2 \'f0\'e0\'e7\'ec\'e5\'f0\'e5 1/365 \'ec\'e0\'ea\'f1\'e8\'ec\'e0\'eb\'fc\'ed\'ee\'e9 \'ef\'f0\'ee\'f6\'e5\'ed\'f2\'ed\'ee\'e9 \'f1\'f2\'e0\'e2\'ea\'e8 \'e7\'e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0\'e6\'e4\'fb\'e9 \'e4\'e5\'ed\'fc \'ef\'f0\'ee</w:t>
      </w:r>
      <w:r w:rsidRPr="005A1F79">
        <w:rPr>
          <w:rFonts w:ascii="Courier New" w:hAnsi="Courier New" w:cs="Courier New"/>
        </w:rPr>
        <w:t>\'f1\'f0\'ee\'f7\'ea\'e8, \'ed\'e0\'f7\'e8\'f1\'eb\'ff\'e5\'ec\'e0\'ff \'ed\'e0 \'f1\'f3\'ec\'ec\'f3 \'ef\'f0\'ee\'f1\'f0\'ee\'f7\'e5\'ed\'ed\'ee\'e9 \'e7\'e0\'e4\'ee\'eb\'e6\'e5\'ed\'ed\'ee\'f1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 \'ef\'ee \'ee\'f1\'ed\'ee\'e2\'ed\'ee\'ec\'f3 \'e4\</w:t>
      </w:r>
      <w:r w:rsidRPr="005A1F79">
        <w:rPr>
          <w:rFonts w:ascii="Courier New" w:hAnsi="Courier New" w:cs="Courier New"/>
        </w:rPr>
        <w:t>'ee\'eb\'e3\'f3, \'e2 \'f1\'eb\'f3\'f7\'e0\'e5 \'ed\'e5\'e8\'f1\'ef\'ee\'eb\'ed\'e5\'ed\'e8\'ff \'e8\'eb\'e8 \'ed\'e5\'ed\'e0\'e4\'eb\'e5\'e6\'e0\'f9\'e5\'e3\'ee \'e8\'f1\'ef\'ee\'eb\'ed\'e5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\'cf\'ee\'f0\'f3\'f7\'e8\'f2\'e5\'eb\'e5\'ec \'e4\'</w:t>
      </w:r>
      <w:r w:rsidRPr="005A1F79">
        <w:rPr>
          <w:rFonts w:ascii="Courier New" w:hAnsi="Courier New" w:cs="Courier New"/>
        </w:rPr>
        <w:t>e5\'ed\'e5\'e6\'ed\'fb\'f5 \'ee\'e1\'ff\'e7\'e0\'f2\'e5\'eb\'fc\'f1\'f2\'e2 \'ef\'ee \'c4\'ee\'e3\'ee\'e2\'ee\'f0\'f3 \'ef\'ee\'f0\'f3\'f7\'e8\'f2\'e5\'eb\'fc\'f1\'f2\'e2\'e0 - \'c8\'ed\'fb\'e5 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c\'e8\'f1\'f1\'e8\'e8, \'ed\'e0\'e4\'e1\'e0\'e2\'</w:t>
      </w:r>
      <w:r w:rsidRPr="005A1F79">
        <w:rPr>
          <w:rFonts w:ascii="Courier New" w:hAnsi="Courier New" w:cs="Courier New"/>
        </w:rPr>
        <w:t xml:space="preserve">ea\'e8 \'ea \'ef\'f0\'ee\'f6\'e5\'ed\'f2\'ed\'ee\'e9 \'f1\'f2\'e0\'e2\'ea\'e5 \'e8 \'f1\'e0\'ed\'ea\'f6\'e8\'e8 (\'ed\'e5\'f3\'f1\'f2\'ee\'e9\'ea\'e8, \'f8\'f2\'f0\'e0\'f4\'fb, \'ef\'e5\'ed\'e8 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.\'e4.), \'ef\'f0\'e5\'e4\'f3\'f1\'ec\'ee\'f2\'f0\'</w:t>
      </w:r>
      <w:r w:rsidRPr="005A1F79">
        <w:rPr>
          <w:rFonts w:ascii="Courier New" w:hAnsi="Courier New" w:cs="Courier New"/>
        </w:rPr>
        <w:t>e5\'ed\'ed\'fb\'e5 \'ea\'f0\'e5\'e4\'e8\'f2\'ed\'fb\'ec \'f1\'ee\'e3\'eb\'e0\'f8\'e5\'ed\'e8\'e5\'ec \'e8 \'e4\'ee\'e3\'ee\'e2\'ee\'f0\'ee\'ec \'ef\'ee\'f0\'f3\'f7\'e8\'f2\'e5\'eb\'fc\'f1\'f2\'e2\'e0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}{\rtlch\fcs1 \ab\af0\afs22 \ltrch\fcs0 \fs22\expnd4\e</w:t>
      </w:r>
      <w:r w:rsidRPr="005A1F79">
        <w:rPr>
          <w:rFonts w:ascii="Courier New" w:hAnsi="Courier New" w:cs="Courier New"/>
        </w:rPr>
        <w:t xml:space="preserve">xpndtw20\insrsid4869905\charrsid13642871    }{\rtlch\fcs1 \af0\afs22 \ltrch\fcs0 \fs22\insrsid4869905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8323676 {\rtlch\fcs1 \</w:t>
      </w:r>
      <w:r w:rsidRPr="005A1F79">
        <w:rPr>
          <w:rFonts w:ascii="Courier New" w:hAnsi="Courier New" w:cs="Courier New"/>
        </w:rPr>
        <w:t xml:space="preserve">af0\afs22 \ltrch\fcs0 \b\fs22\cf6\insrsid1115911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\ltrpar\qj \li0\ri0\widctlpar\wrapdefault\aspalpha\aspnum\faauto\adjustright\rin0\lin0\itap0\pararsid1991179 {\rtlch\fcs1 \ab\af0\afs22 \ltrch\fcs0 \b\fs22\insrsid832367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</w:t>
      </w:r>
      <w:r w:rsidRPr="005A1F79">
        <w:rPr>
          <w:rFonts w:ascii="Courier New" w:hAnsi="Courier New" w:cs="Courier New"/>
        </w:rPr>
        <w:t xml:space="preserve">\qj \li0\ri0\widctlpar\wrapdefault\aspalpha\aspnum\faauto\adjustright\rin0\lin0\itap0\pararsid12598460\contextualspace {\rtlch\fcs1 \ab\af0\afs22 \ltrch\fcs0 \b\fs22\insrsid1991179\charrsid538368 \'c2\'ee\'ef\'f0\'ee\'f1 \'b9 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b\af0\afs22 </w:t>
      </w:r>
      <w:r w:rsidRPr="005A1F79">
        <w:rPr>
          <w:rFonts w:ascii="Courier New" w:hAnsi="Courier New" w:cs="Courier New"/>
        </w:rPr>
        <w:t xml:space="preserve">\ltrch\fcs0 \b\fs22\insrsid1991179 5}{\rtlch\fcs1 \ab\af0\afs22 \ltrch\fcs0 \b\fs22\insrsid1991179\charrsid538368  \'ef\'ee\'e2\'e5\'f1\'f2\'ea\'e8 \'e4\'ed\'ff \'ee\'e1\'f9\'e5\'e3\'ee \'f1\'ee\'e1\'f0\'e0\'ed\'e8\'ff: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</w:t>
      </w:r>
      <w:r w:rsidRPr="005A1F79">
        <w:rPr>
          <w:rFonts w:ascii="Courier New" w:hAnsi="Courier New" w:cs="Courier New"/>
        </w:rPr>
        <w:t>0 \fs22\insrsid1991179\charrsid1991179  }{\rtlch\fcs1 \af0\afs22 \ltrch\fcs0 \fs22\insrsid12598460\charrsid7568469 \'ce\'e1 \'ee\'e4\'ee\'e1\'f0\'e5\'ed\'e8\'e8 \'ea\'f0\'f3\'ef\'ed\'ee\'e9 \'f1\'e4\'e5\'eb\'ea\'e8 \endash  \'e4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3\'ee\'e2\'ee\'f0\'</w:t>
      </w:r>
      <w:r w:rsidRPr="005A1F79">
        <w:rPr>
          <w:rFonts w:ascii="Courier New" w:hAnsi="Courier New" w:cs="Courier New"/>
        </w:rPr>
        <w:t>e0 \'ef\'ee\'f0\'f3\'f7\'e8\'f2\'e5\'eb\'fc\'f1\'f2\'e2\'e0 \'b9\'c4\'cf2-\'d6\'d3-702750/2021/00037 \'ee\'f2 01.07.2021 \'e3. \'ec\'e5\'e6\'e4\'f3 \'c0\'ce \'ab\'d2\'e5\'f0\'ec\'e8\'ed\'e0\'eb \'c0\'f1\'f2\'e0\'f4\'fc\'e5\'e2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bb (\'c8\'cd\'cd 25080</w:t>
      </w:r>
      <w:r w:rsidRPr="005A1F79">
        <w:rPr>
          <w:rFonts w:ascii="Courier New" w:hAnsi="Courier New" w:cs="Courier New"/>
        </w:rPr>
        <w:t>01618) \'e8 \'c1\'e0\'ed\'ea\'ee\'ec \'c2\'d2\'c1 (\'ef\'f3\'e1\'eb\'e8\'f7\'ed\'ee\'e5 \'e0\'ea\'f6\'e8\'ee\'ed\'e5\'f0\'ed\'ee\'e5 \'ee\'e1\'f9\'e5\'f1\'f2\'e2\'ee) \'ef\'ee \'ea\'f0\'e5\'e4\'e8\'f2\'ed\'fb\'ec \'ee\'e1\'ff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2\'e5\'eb\'fc\'f1\</w:t>
      </w:r>
      <w:r w:rsidRPr="005A1F79">
        <w:rPr>
          <w:rFonts w:ascii="Courier New" w:hAnsi="Courier New" w:cs="Courier New"/>
        </w:rPr>
        <w:t>'f2\'e2\'e0\'ec \'c0\'ce \'ab\'c4\'c0\'cb\'dc\'ca\'ce\'cc\'d5\'ce\'cb\'ce\'c4\'bb (\'c8\'cd\'cd 2537003955), \'e2\'ee\'e7\'ed\'e8\'ea\'e0\'fe\'f9\'e8\'ec \'e8\'e7 \'ea\'f0\'e5\'e4\'e8\'f2\'ed\'ee\'e3\'ee \'f1\'ee\'e3\'eb\'e0\'f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d\'e8\'ff \'b9 \'ca</w:t>
      </w:r>
      <w:r w:rsidRPr="005A1F79">
        <w:rPr>
          <w:rFonts w:ascii="Courier New" w:hAnsi="Courier New" w:cs="Courier New"/>
        </w:rPr>
        <w:t xml:space="preserve">\'d1-\'d6\'d3-702750/2021/00037 \'ee\'f2 01.07.2021 \'e3. \'ec\'e5\'e6\'e4\'f3 \'c0\'ce \'ab\'c4\'c0\'cb\'dc\'ca\'ce\'cc\'d5\'ce\'cb\'ce\'c4\'bb (\'c8\'cd\'cd 2537003955) \'e8 \'c1\'e0\'ed\'ea\'ee\'ec \'c2\'d2\'c1 (\'cf\'c0\'ce)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endash  \'ea\'f0\'e5\'e4</w:t>
      </w:r>
      <w:r w:rsidRPr="005A1F79">
        <w:rPr>
          <w:rFonts w:ascii="Courier New" w:hAnsi="Courier New" w:cs="Courier New"/>
        </w:rPr>
        <w:t>\'e8\'f2\'ed\'ee\'e9 \'eb\'e8\'ed\'e8\'e8 \'f1 \'eb\'e8\'ec\'e8\'f2\'ee\'ec \'e2\'fb\'e4\'e0\'f7\'e8 \'e2 \'f1\'f3\'ec\'ec\'e5 300 \'ec\'eb\'ed. \'f0\'f3\'e1\'eb\'e5\'e9 \'f1\'f0\'ee\'ea\'ee\'ec \'e4\'ee 1095 \'e4\'ed\'e5\'e9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</w:t>
      </w:r>
      <w:r w:rsidRPr="005A1F79">
        <w:rPr>
          <w:rFonts w:ascii="Courier New" w:hAnsi="Courier New" w:cs="Courier New"/>
        </w:rPr>
        <w:t xml:space="preserve">0\ri0\widctlpar\wrapdefault\aspalpha\aspnum\faauto\adjustright\rin0\lin0\itap0\pararsid12598460 {\rtlch\fcs1 \af0\afs22 \ltrch\fcs0 \fs22\insrsid12598460\charrsid756846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</w:t>
      </w:r>
      <w:r w:rsidRPr="005A1F79">
        <w:rPr>
          <w:rFonts w:ascii="Courier New" w:hAnsi="Courier New" w:cs="Courier New"/>
        </w:rPr>
        <w:t>ight\rin0\lin0\itap0\pararsid8323676 {\rtlch\fcs1 \ab\af0\afs22 \ltrch\fcs0 \b\fs22\insrsid472349\charrsid538368 \'d0\'e5\'e7\'f3\'eb\'fc\'f2\'e0\'f2\'fb \'e3\'ee\'eb\'ee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2\'e0\'ed\'e8\'ff}{\rtlch\fcs1 \af0\afs22 \ltrch\fcs0 \b\fs22\insrsid4723</w:t>
      </w:r>
      <w:r w:rsidRPr="005A1F79">
        <w:rPr>
          <w:rFonts w:ascii="Courier New" w:hAnsi="Courier New" w:cs="Courier New"/>
        </w:rPr>
        <w:t>49\charrsid538368  }{\rtlch\fcs1 \af0\afs22 \ltrch\fcs0 \b\fs22\insrsid8323676\charrsid538368 \'ef\'ee }{\rtlch\fcs1 \af0\afs22 \ltrch\fcs0 \b\fs22\insrsid8323676 \'ef\'ff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c\'f3}{\rtlch\fcs1 \af0\afs22 \ltrch\fcs0 \b\fs22\insrsid8323676\charrsi</w:t>
      </w:r>
      <w:r w:rsidRPr="005A1F79">
        <w:rPr>
          <w:rFonts w:ascii="Courier New" w:hAnsi="Courier New" w:cs="Courier New"/>
        </w:rPr>
        <w:t>d538368  \'e2\'ee\'ef\'f0\'ee\'f1\'f3 \'ef\'ee\'e2\'e5\'f1\'f2\'ea\'e8 \'e4\'ed\'ff:}{\rtlch\fcs1 \af0\afs22 \ltrch\fcs0 \b\fs22\cf6\insrsid8323676\charrsid538368  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f0\afs22 \ltrch\fcs0 \b\fs22\cf6\insrsid832367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</w:t>
      </w:r>
      <w:r w:rsidRPr="005A1F79">
        <w:rPr>
          <w:rFonts w:ascii="Courier New" w:hAnsi="Courier New" w:cs="Courier New"/>
        </w:rPr>
        <w:t xml:space="preserve">li0\ri0\sb120\widctlpar\tx4536\wrapdefault\aspalpha\aspnum\faauto\adjustright\rin0\lin0\itap0\pararsid15147288 {\rtlch\fcs1 \af0\afs22 \ltrch\fcs0 \fs22\insrsid15147288\charrsid2451716 \'d7\'e8\'f1\'eb\'ee \'e3\'ee\'eb\'ee\'f1\'ee\'e2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e\'f2\'ee\'</w:t>
      </w:r>
      <w:r w:rsidRPr="005A1F79">
        <w:rPr>
          <w:rFonts w:ascii="Courier New" w:hAnsi="Courier New" w:cs="Courier New"/>
        </w:rPr>
        <w:t>f0\'fb\'ec\'e8 \'ee\'e1\'eb\'e0\'e4\'e0\'eb\'e8 \'eb\'e8\'f6\'e0, \'e2\'ea\'eb\'fe\'f7\'e5\'ed\'ed\'fb\'e5 \'e2 \'f1\'ef\'e8\'f1\'ee\'ea \'eb\'e8\'f6, \'e8\'ec\'e5\'e2\'f8\'e8\'f5 \'ef\'f0\'e0\'e2\'ee \'ed\'e0 \'f3\'f7\'e0\'f1\'f2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2  \'ee\'e1\</w:t>
      </w:r>
      <w:r w:rsidRPr="005A1F79">
        <w:rPr>
          <w:rFonts w:ascii="Courier New" w:hAnsi="Courier New" w:cs="Courier New"/>
        </w:rPr>
        <w:t>'f9\'e5\'ec \'f1\'ee\'e1\'f0\'e0\'ed\'e8\'e8 \'e0\'ea\'f6\'e8\'ee\'ed\'e5\'f0\'ee\'e2, \'ef\'ee \'e4\'e0\'ed\'ed\'ee\'ec\'f3 \'e2\'ee\'ef\'f0\'ee\'f1\'f3 \'ef\'ee\'e2\'e5\'f1\'f2\'ea\'e8 \'e4\'ed\'ff \'ee\'e1\'f9\'e5\'e3\'ee \'f1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1\'f0\'e0\'ed\'e8\</w:t>
      </w:r>
      <w:r w:rsidRPr="005A1F79">
        <w:rPr>
          <w:rFonts w:ascii="Courier New" w:hAnsi="Courier New" w:cs="Courier New"/>
        </w:rPr>
        <w:t xml:space="preserve">'ff, -  830 380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f\'f0\'e8\'f5\'ee\'e4\'e8\'e2\'f8\'e8\'f5\'f1\'ff \'ed\'e0 \'e3\'ee\'eb\'ee\'f1\'f3\'fe\'f9\'e8\'e5 \'e0\'ea\'f6\'e8\'e8 \'ee\'e1\'f9\'e5\'f1\'f2\'e2\'e0, \'ef\'ee \'e4\'e0\'ed\'</w:t>
      </w:r>
      <w:r w:rsidRPr="005A1F79">
        <w:rPr>
          <w:rFonts w:ascii="Courier New" w:hAnsi="Courier New" w:cs="Courier New"/>
        </w:rPr>
        <w:t>ed\'ee\'ec\'f3 \'e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e\'f1\'f3 \'ef\'ee\'e2\'e5\'f1\'f2\'ea\'e8 \'e4\'ed\'ff \'ee\'e1\'f9\'e5\'e3\'ee \'f1\'ee\'e1\'f0\'e0\'ed\'e8\'ff, \'ee\'ef\'f0\'e5\'e4\'e5\'eb\'e5\'ed\'ed\'ee\'e5 \'f1 \'f3\'f7\'e5\'f2\'ee\'ec \'f2\'f0\'e5\'e1\'ee\'e2\'</w:t>
      </w:r>
      <w:r w:rsidRPr="005A1F79">
        <w:rPr>
          <w:rFonts w:ascii="Courier New" w:hAnsi="Courier New" w:cs="Courier New"/>
        </w:rPr>
        <w:t>e0\'ed\'e8\'e9 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. 4.24. \'cf\'ee\'eb\'ee\'e6\'e5\'ed\'e8\'e5 \'c1\'e0\'ed\'ea\'e0 \'d0\'ee\'f1\'f1\'e8\'e8 \'b9 660-\'cf \'ee\'f2 16.11.2018\'e3. \'ab\'ce\'e1 \'ee\'e1\'f9\'e8\'f5 \'f1\'ee\'e1\'f0\'e0\'ed\'e8\'ff\'f5 \'e0\'ea\'f6\'e8\'ee\'ed\'e5\'f0\'</w:t>
      </w:r>
      <w:r w:rsidRPr="005A1F79">
        <w:rPr>
          <w:rFonts w:ascii="Courier New" w:hAnsi="Courier New" w:cs="Courier New"/>
        </w:rPr>
        <w:t xml:space="preserve">ee\'e2\'bb, \endash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472 104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a\'ee\'f2\'ee\'f0\'fb\'ec\'e8 \'ee\'e1\'eb\'e0\'e4\'e0\'eb\'e8 \'eb\'e8\'f6\'e0, \'ef\'f0\'e8\'ed\'ff\'e2\'f8\'e8\'e5 \'f3\'f7\'e0\'f1\'f2\'e8\'e5  \'e2 \'ee\'e1\'f</w:t>
      </w:r>
      <w:r w:rsidRPr="005A1F79">
        <w:rPr>
          <w:rFonts w:ascii="Courier New" w:hAnsi="Courier New" w:cs="Courier New"/>
        </w:rPr>
        <w:t>9\'e5\'ec  \'f1\'ee\'e1\'f0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8\'e8, \'ef\'ee \'e4\'e0\'ed\'ed\'ee\'ec\'f3 \'e2\'ee\'ef\'f0\'ee\'f1\'f3 \'ef\'ee\'e2\'e5\'f1\'f2\'ea\'e8 \'e4\'ed\'ff \'f1\'ee\'e1\'f0\'e0\'ed\'e8\'ff,  - }{\rtlch\fcs1 \af0\afs22 \ltrch\fcs0 \fs22\insrsid15147288 </w:t>
      </w:r>
      <w:r w:rsidRPr="005A1F79">
        <w:rPr>
          <w:rFonts w:ascii="Courier New" w:hAnsi="Courier New" w:cs="Courier New"/>
        </w:rPr>
        <w:t xml:space="preserve">383 648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5147288\charrsid2451716 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x4536\wrapdefault\aspalpha\aspnum\faauto\adjustright\rin0\lin0\itap0\pararsid15147288 {\rtlch\fcs1 \af0\afs22 \ltrch\fcs0 \fs2</w:t>
      </w:r>
      <w:r w:rsidRPr="005A1F79">
        <w:rPr>
          <w:rFonts w:ascii="Courier New" w:hAnsi="Courier New" w:cs="Courier New"/>
        </w:rPr>
        <w:t>2\insrsid15147288\charrsid2451716 \'ca\'e2\'ee\'f0\'f3\'ec \'ef\'ee \'e4\'e0\'ed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f3 \'e2\'ee\'ef\'f0\'ee\'f1\'f3 \'ef\'ee\'e2\'e5\'f1\'f2\'ea\'e8 \'e4\'ed\'ff \'e8\'ec\'e5}{\rtlch\fcs1 \af0\afs22 \ltrch\fcs0 \fs22\insrsid15147288 \'eb\'f1\'f</w:t>
      </w:r>
      <w:r w:rsidRPr="005A1F79">
        <w:rPr>
          <w:rFonts w:ascii="Courier New" w:hAnsi="Courier New" w:cs="Courier New"/>
        </w:rPr>
        <w:t>f}{\rtlch\fcs1 \af0\afs22 \ltrch\fcs0 \fs22\insrsid15147288\charrsid2451716 .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f0\afs22 \ltrch\fcs0 \fs22\insrsid15147288\charrsid1287735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4\qj \li0\ri0\widctlpar\tx4536\wrapdefault\aspalpha\aspnum\faauto\adjus</w:t>
      </w:r>
      <w:r w:rsidRPr="005A1F79">
        <w:rPr>
          <w:rFonts w:ascii="Courier New" w:hAnsi="Courier New" w:cs="Courier New"/>
        </w:rPr>
        <w:t xml:space="preserve">tright\rin0\lin0\itap0\pararsid15147288 \rtlch\fcs1 \af0\afs20\alang1025 \ltrch\fcs0 \fs24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15147288\charrsid2451716 \'d7\'e8\'f1\'eb\'ee \'e3\'ee\'eb\'ee\'</w:t>
      </w:r>
      <w:r w:rsidRPr="005A1F79">
        <w:rPr>
          <w:rFonts w:ascii="Courier New" w:hAnsi="Courier New" w:cs="Courier New"/>
        </w:rPr>
        <w:t>f1\'ee\'e2, \'ee\'f2\'e4\'e0\'ed\'ed\'fb\'f5 \'e7\'e0 \'ea\'e0\'e6\'e4\'fb\'e9 \'e8\'e7 \'e2\'e0\'f0\'e8\'e0\'ed\'f2\'ee\'e2 \'e3\'ee\'eb\'ee\'f1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d\'e8\'ff \'ef\'ee \'e4\'e0\'ed\'ed\'ee\'ec\'f3 \'e2\'ee\'ef\'f0\'ee\'f1\'f3 \'ef\'ee\'e2\'e5\</w:t>
      </w:r>
      <w:r w:rsidRPr="005A1F79">
        <w:rPr>
          <w:rFonts w:ascii="Courier New" w:hAnsi="Courier New" w:cs="Courier New"/>
        </w:rPr>
        <w:t>'f1\'f2\'ea\'e8 \'e4\'ed\'ff \'f1\'ee\'e1\'f0\'e0\'ed\'e8\'ff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fi709\li0\ri0\widctlpar\wrapdefault\aspalpha\aspnum\faauto\adjustright\rin0\lin0\itap0\pararsid15147288 \rtlch\fcs1 \af0\afs20\alang1025 \ltrch\fcs0 \fs20\lang104</w:t>
      </w:r>
      <w:r w:rsidRPr="005A1F79">
        <w:rPr>
          <w:rFonts w:ascii="Courier New" w:hAnsi="Courier New" w:cs="Courier New"/>
        </w:rPr>
        <w:t xml:space="preserve">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5147288\charrsid15147288 \'ab\'e7\'e0\'bb -  383 621;     \'ab\'ef\'f0\'ee\'f2\'e8\'e2\'bb -  0;     \'ab\'e2\'ee\'e7\'e4\'e5\'f0\'e6\'e0\'eb\'f1\'ff\'bb - 0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</w:t>
      </w:r>
      <w:r w:rsidRPr="005A1F79">
        <w:rPr>
          <w:rFonts w:ascii="Courier New" w:hAnsi="Courier New" w:cs="Courier New"/>
        </w:rPr>
        <w:t xml:space="preserve">par }\pard \ltrpar\qj \li0\ri0\widctlpar\wrapdefault\aspalpha\aspnum\faauto\adjustright\rin0\lin0\itap0\pararsid8323676 {\rtlch\fcs1 \af0\afs22 \ltrch\fcs0 \b\fs22\cf6\insrsid4723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</w:t>
      </w:r>
      <w:r w:rsidRPr="005A1F79">
        <w:rPr>
          <w:rFonts w:ascii="Courier New" w:hAnsi="Courier New" w:cs="Courier New"/>
        </w:rPr>
        <w:t xml:space="preserve">auto\adjustright\rin0\lin0\itap0\pararsid9463829 {\rtlch\fcs1 \af0\afs22 \ltrch\fcs0 \b\fs22\insrsid8323676\charrsid1261250 \'d0\'e5\'f8\'e5\'ed\'e8\'e5 \'f1\'ee\'e1\'f0\'e0\'ed\'e8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e \'ef\'ff\'f2\'ee\'ec\'f3 \'e2\'ee\'ef\'f0\'ee\'f1\'f3 \'ef\</w:t>
      </w:r>
      <w:r w:rsidRPr="005A1F79">
        <w:rPr>
          <w:rFonts w:ascii="Courier New" w:hAnsi="Courier New" w:cs="Courier New"/>
        </w:rPr>
        <w:t xml:space="preserve">'ee\'e2\'e5\'f1\'f2\'ea\'e8 \'e4\'ed\'ff: }{\rtlch\fcs1 \af0\afs22 \ltrch\fcs0 \fs22\insrsid5000606\charrsid126125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261250 {\rtlch\fcs1 \af0</w:t>
      </w:r>
      <w:r w:rsidRPr="005A1F79">
        <w:rPr>
          <w:rFonts w:ascii="Courier New" w:hAnsi="Courier New" w:cs="Courier New"/>
        </w:rPr>
        <w:t xml:space="preserve">\afs22 \ltrch\fcs0 \fs22\insrsid1261250 \'ce}{\rtlch\fcs1 \af0\afs22 \ltrch\fcs0 \fs22\insrsid126125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e\'e1\'f0\'e8\'f2\'fc \'ea\'f0\'f3\'ef\'ed\'f3\'fe \'f1\'e4\'e5\'eb\'ea\'f3 \endash  \'e4\'ee\'e3\'ee\'e2\'ee\'f0 \'ef\'ee\'f0\'</w:t>
      </w:r>
      <w:r w:rsidRPr="005A1F79">
        <w:rPr>
          <w:rFonts w:ascii="Courier New" w:hAnsi="Courier New" w:cs="Courier New"/>
        </w:rPr>
        <w:t>f3\'f7\'e8\'f2\'e5\'eb\'fc\'f1\'f2\'e2\'e0 \'b9\'c4\'cf2-\'d6\'d3-702750/2021/00037 \'ee\'f2 01.07.2021 \'e3. \'ec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6\'e4\'f3 \'c0\'ce \'ab\'d2\'e5\'f0\'ec\'e8\'ed\'e0\'eb \'c0\'f1\'f2\'e0\'f4\'fc\'e5\'e2\'e0\'bb (\'c8\'cd\'cd 2508001618) \'e8 \'c1\</w:t>
      </w:r>
      <w:r w:rsidRPr="005A1F79">
        <w:rPr>
          <w:rFonts w:ascii="Courier New" w:hAnsi="Courier New" w:cs="Courier New"/>
        </w:rPr>
        <w:t xml:space="preserve">'e0\'ed\'ea\'ee\'ec \'c2\'d2\'c1 (\'ef\'f3\'e1\'eb\'e8\'f7\'ed\'ee\'e5 \'e0\'ea\'f6\'e8\'ee\'ed\'e5\'f0\'ed\'ee\'e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1\'f9\'e5\'f1\'f2\'e2\'ee) \'ef\'ee \'ea\'f0\'e5\'e4\'e8\'f2\'ed\'fb\'ec \'ee\'e1\'ff\'e7\'e0\'f2\'e5\'eb\'fc\'f1\'f2\'e2\'e0\'ec \</w:t>
      </w:r>
      <w:r w:rsidRPr="005A1F79">
        <w:rPr>
          <w:rFonts w:ascii="Courier New" w:hAnsi="Courier New" w:cs="Courier New"/>
        </w:rPr>
        <w:t>'c0\'ce \'ab\'c4\'c0\'cb\'dc\'ca\'ce\'cc\'d5\'ce\'cb\'ce\'c4\'bb (\'c8\'cd\'cd 2537003955), \'e2\'ee\'e7\'ed\'e8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e\'f9\'e8\'ec \'e8\'e7 \'ea\'f0\'e5\'e4\'e8\'f2\'ed\'ee\'e3\'ee \'f1\'ee\'e3\'eb\'e0\'f8\'e5\'ed\'e8\'ff \'b9 \'ca\'d1-\'d6\'d3-702</w:t>
      </w:r>
      <w:r w:rsidRPr="005A1F79">
        <w:rPr>
          <w:rFonts w:ascii="Courier New" w:hAnsi="Courier New" w:cs="Courier New"/>
        </w:rPr>
        <w:t>750/2021/00037 \'ee\'f2 01.07.2021 \'e3. \'ec\'e5\'e6\'e4\'f3 \'c0\'ce \'ab\'c4\'c0\'cb\'dc\'ca\'ce\'cc\'d5\'ce\'c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c4\'bb (\'c8\'cd\'cd 2537003955) \'e8 \'c1\'e0\'ed\'ea\'ee\'ec \'c2\'d2\'c1 (\'cf\'c0\'ce) \endash  \'ea\'f0\'e5\'e4\'e8\'f2\'ed\'ee\</w:t>
      </w:r>
      <w:r w:rsidRPr="005A1F79">
        <w:rPr>
          <w:rFonts w:ascii="Courier New" w:hAnsi="Courier New" w:cs="Courier New"/>
        </w:rPr>
        <w:t xml:space="preserve">'e9 \'eb\'e8\'ed\'e8\'e8 \'f1 \'eb\'e8\'ec\'e8\'f2\'ee\'ec \'e2\'fb\'e4\'e0\'f7\'e8 \'e2 \'f1\'f3\'ec\'ec\'e5 30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b\'ed. \'f0\'f3\'e1\'eb\'e5\'e9 \'f1\'f0\'ee\'ea\'ee\'ec \'e4\'ee 1095 \'e4\'ed\'e5\'e9 (\'e4\'e0\'eb\'e5\'e5 \'f2\'e0\'ea\'e6\'e5 \'</w:t>
      </w:r>
      <w:r w:rsidRPr="005A1F79">
        <w:rPr>
          <w:rFonts w:ascii="Courier New" w:hAnsi="Courier New" w:cs="Courier New"/>
        </w:rPr>
        <w:t>d1\'ee\'e3\'eb\'e0\'f8\'e5\'ed\'e8\'e5/\'ca\'f0\'e5\'e4\'e8\'f2\'ed\'ee\'e5 \'f1\'ee\'e3\'eb\'e0\'f8\'e5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) \'ed\'e0 \'f1\'eb\'e5\'e4\'f3\'fe\'f9\'e8\'f5 \'f3\'f1\'eb\'ee\'e2\'e8\'ff\'f5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8\li0\ri0\widctlpar\wrapdef</w:t>
      </w:r>
      <w:r w:rsidRPr="005A1F79">
        <w:rPr>
          <w:rFonts w:ascii="Courier New" w:hAnsi="Courier New" w:cs="Courier New"/>
        </w:rPr>
        <w:t>ault\aspalpha\aspnum\faauto\adjustright\rin0\lin0\itap0\pararsid1261250 {\rtlch\fcs1 \ab\af0\afs22 \ltrch\fcs0 \b\fs22\expnd4\expndtw20\insrsid1261250\charrsid13642871 \'c2\'e8\'e4 \'f1\'e4\'e5\'eb\'ea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:}{\rtlch\fcs1 \ab\af0\afs22 \ltrch\fcs0 \fs22\ex</w:t>
      </w:r>
      <w:r w:rsidRPr="005A1F79">
        <w:rPr>
          <w:rFonts w:ascii="Courier New" w:hAnsi="Courier New" w:cs="Courier New"/>
        </w:rPr>
        <w:t>pnd4\expndtw20\insrsid1261250\charrsid13642871  \'ca\'f0\'e5\'e4\'e8\'f2\'ed\'e0\'ff \'eb\'e8\'ed\'e8\'ff \'f1 \'eb\'e8\'ec\'e8\'f2\'ee\'ec \'e2\'fb\'e4\'e0\'f7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567\li0\ri0\widctlpar\wrapdefault\aspalpha\aspnum\faauto\adjust</w:t>
      </w:r>
      <w:r w:rsidRPr="005A1F79">
        <w:rPr>
          <w:rFonts w:ascii="Courier New" w:hAnsi="Courier New" w:cs="Courier New"/>
        </w:rPr>
        <w:t xml:space="preserve">right\rin0\lin0\itap0\pararsid1261250 {\rtlch\fcs1 \ab\af0\afs22 \ltrch\fcs0 \fs22\expnd4\expndtw20\insrsid1261250\charrsid13642871 - \'ca\'f0\'e5\'e4\'e8\'f2\'ee\'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endash  \'c1\'e0\'ed\'ea \'c2\'d2\'c1 (\'cf\'c0\'ce)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 \'c7\'e0\'e5\'ec\'f9\'e8\</w:t>
      </w:r>
      <w:r w:rsidRPr="005A1F79">
        <w:rPr>
          <w:rFonts w:ascii="Courier New" w:hAnsi="Courier New" w:cs="Courier New"/>
        </w:rPr>
        <w:t xml:space="preserve">'ea \endash \'c0\'ce \'ab\'c4\'e0\'eb\'fc\'ea\'ee\'ec\'f5\'ee\'eb\'ee\'e4\'bb (\'c8\'cd\'cd }{\rtlch\fcs1 \af0\afs22 \ltrch\fcs0 \fs22\insrsid1261250\charrsid13642871 2537003955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expnd4\expndtw20\insrsid1261250</w:t>
      </w:r>
      <w:r w:rsidRPr="005A1F79">
        <w:rPr>
          <w:rFonts w:ascii="Courier New" w:hAnsi="Courier New" w:cs="Courier New"/>
        </w:rPr>
        <w:t xml:space="preserve">\charrsid13642871 ) 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8\li0\ri0\widctlpar\wrapdefault\aspalpha\aspnum\faauto\adjustright\rin0\lin0\itap0\pararsid1261250 {\rtlch\fcs1 \ab\af0\afs22 \ltrch\fcs0 \b\fs22\expnd4\expndtw20\insrsid1261250\charrsid13642871 \'d1\'f3\</w:t>
      </w:r>
      <w:r w:rsidRPr="005A1F79">
        <w:rPr>
          <w:rFonts w:ascii="Courier New" w:hAnsi="Courier New" w:cs="Courier New"/>
        </w:rPr>
        <w:t>'ec\'ec\'e0 \'f1\'e4\'e5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8:}{\rtlch\fcs1 \ab\af0\afs22 \ltrch\fcs0 \fs22\expnd4\expndtw20\insrsid1261250\charrsid13642871  300 000\~000,00 (\'f2\'f0\'e8\'f1\'f2\'e0 \'ec\'e8\'eb\'eb\'e8\'ee\'ed\'ee\'e2) \'f0\'f3\'e1\'eb\'e5\'e9}{\rtlch\fcs1 \ai</w:t>
      </w:r>
      <w:r w:rsidRPr="005A1F79">
        <w:rPr>
          <w:rFonts w:ascii="Courier New" w:hAnsi="Courier New" w:cs="Courier New"/>
        </w:rPr>
        <w:t xml:space="preserve">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s22\insrsid126125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1261250\charrsid13642871 \'d1\'f0\'ee\'ea \'f1\'e4\'e5\'eb\'ea\'e8: 1095}{\rtlch\fcs1 \ab\af0\afs22 \ltrch\fcs0 \f</w:t>
      </w:r>
      <w:r w:rsidRPr="005A1F79">
        <w:rPr>
          <w:rFonts w:ascii="Courier New" w:hAnsi="Courier New" w:cs="Courier New"/>
        </w:rPr>
        <w:t>s22\expnd4\expndtw20\insrsid1261250\charrsid13642871  \'e4\'ed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1261250\charrsid13642871 \'d1\'f0\'ee\'ea \'e8\'f1\'ef\'ee\'eb\'fc\'e7\'ee\'e2\'e0\'ed\'e8\'ff:}{\rtlch\</w:t>
      </w:r>
      <w:r w:rsidRPr="005A1F79">
        <w:rPr>
          <w:rFonts w:ascii="Courier New" w:hAnsi="Courier New" w:cs="Courier New"/>
        </w:rPr>
        <w:t xml:space="preserve">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expnd4\expndtw20\insrsid1261250\charrsid13642871 170 \'ea\'e0\'eb\'e5\'ed\'e4\'e0\'f0\'ed\'fb\'f5 \'e4\'ed\'e5\'e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8\li0\ri0\nowidctlpar\wrapdefault\aspalpha\aspnum\faauto\adjustright\rin0</w:t>
      </w:r>
      <w:r w:rsidRPr="005A1F79">
        <w:rPr>
          <w:rFonts w:ascii="Courier New" w:hAnsi="Courier New" w:cs="Courier New"/>
        </w:rPr>
        <w:t>\lin0\itap0\pararsid1261250 {\rtlch\fcs1 \ab\af0\afs22 \ltrch\fcs0 \b\fs22\expnd4\expndtw20\insrsid1261250\charrsid13642871 \'c3\'f0\'e0\'f4\'e8\'ea \'e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3\'e0\'f8\'e5\'ed\'e8\'ff:}{\rtlch\fcs1 \af0\afs22 \ltrch\fcs0 \fs22\insrsid1261250\charrsid13</w:t>
      </w:r>
      <w:r w:rsidRPr="005A1F79">
        <w:rPr>
          <w:rFonts w:ascii="Courier New" w:hAnsi="Courier New" w:cs="Courier New"/>
        </w:rPr>
        <w:t>642871  \'c5\'e6\'e5\'ec\'e5\'f1\'ff\'f7\'ed\'ee, \'ed\'e0\'f7\'e8\'ed\'e0\'ff \'f1 25 \'ec\'e5\'f1\'ff\'f6\'e0 \'f1\'f0\'ee\'ea\'e0 \'e4\'e5\'e9\'f1\'f2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8\'ff \'ca\'f0\'e5\'e4\'e8\'f2\'ed\'ee\'e3\'ee \'f1\'ee\'e3\'eb\'e0\'f8\'e5\'ed\'e8\'ff, \'e2 </w:t>
      </w:r>
      <w:r w:rsidRPr="005A1F79">
        <w:rPr>
          <w:rFonts w:ascii="Courier New" w:hAnsi="Courier New" w:cs="Courier New"/>
        </w:rPr>
        <w:t>\'ef\'ee\'f1\'eb\'e5\'e4\'ed\'e8\'e5 \'f1\'e5\'ec\'fc \'ea\'e0\'eb\'e5\'ed\'e4\'e0\'f0\'ed\'fb\'f5 \'e4\'ed\'e5\'e9 \'ec\'e5\'f1\'ff\'f6\'e0 \'e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12 500 000 \'f0\'f3\'e1., (1-\'fb\'e9 \'ec\'e5\'f1\'ff\'f6 \endash  \'ec\'e5\'f1\'ff\'f6 \'e7\'e0\'ea\'e</w:t>
      </w:r>
      <w:r w:rsidRPr="005A1F79">
        <w:rPr>
          <w:rFonts w:ascii="Courier New" w:hAnsi="Courier New" w:cs="Courier New"/>
        </w:rPr>
        <w:t>b\'fe\'f7\'e5\'ed\'e8\'ff \'f1\'e4\'e5\'eb\'ea\'e8), \'ee\'f1\'f2\'e0\'f2\'ee\'ea \'e4\'ee\'eb\'e3\'e0 \endash  \'e2 \'ef\'ee\'f1\'eb\'e5\'e4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7 \'e4\'ed\'e5\'e9 \'f1\'f0\'ee\'ea\'e0 \'e4\'e5\'e9\'f1\'f2\'e2\'e8\'ff \'ca\'f0\'e5\'e4\'e8\'f2\'e</w:t>
      </w:r>
      <w:r w:rsidRPr="005A1F79">
        <w:rPr>
          <w:rFonts w:ascii="Courier New" w:hAnsi="Courier New" w:cs="Courier New"/>
        </w:rPr>
        <w:t>d\'ee\'e3\'ee \'f1\'ee\'e3\'eb\'e0\'f8\'e5\'ed\'e8\'ff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ltrrow}\trowd \irow0\irowband0\lastrow \ltrrow\ts11\trgaph108\trrh217\trleft-180\trbrdrt\brdrs\brdrw10 \trbrdrl\brdrs\brdrw10 \trbrdrb\brdrs\brdrw10 \trbrdrr\brdrs\brdrw10 \trbrdrh\brdrs</w:t>
      </w:r>
      <w:r w:rsidRPr="005A1F79">
        <w:rPr>
          <w:rFonts w:ascii="Courier New" w:hAnsi="Courier New" w:cs="Courier New"/>
        </w:rPr>
        <w:t xml:space="preserve">\brdrw10 \trbrdrv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rftsWidth3\trwWidth9914\trftsWidthB3\trpaddl108\trpaddr108\trpaddfl3\trpaddft3\trpaddfb3\trpaddfr3\tblrsid2098646\tblind-72\tblindtype3 \clvertalt\clbrdrt\brdrs\brdrw10 \clbrdrl\brdrs\brdrw10 \clbrdrb\brdrs\brdrw10 \clbr</w:t>
      </w:r>
      <w:r w:rsidRPr="005A1F79">
        <w:rPr>
          <w:rFonts w:ascii="Courier New" w:hAnsi="Courier New" w:cs="Courier New"/>
        </w:rPr>
        <w:t xml:space="preserve">drr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cltxlrtb\clftsWidth3\clwWidth3176\clshdrawnil \cellx2996\clvertalt\clbrdrt\brdrs\brdrw10 \clbrdrl\brdrs\brdrw10 \clbrdrb\brdrs\brdrw10 \clbrdrr\brdrs\brdrw10 \clcbpat8\cltxlrtb\clftsWidth3\clwWidth6738\clcbpatraw8 \cellx9734\pard \ltrp</w:t>
      </w:r>
      <w:r w:rsidRPr="005A1F79">
        <w:rPr>
          <w:rFonts w:ascii="Courier New" w:hAnsi="Courier New" w:cs="Courier New"/>
        </w:rPr>
        <w:t>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l \li0\ri0\nowidctlpar\intbl\wrapdefault\aspalpha\aspnum\faauto\adjustright\rin0\lin0\pararsid2098646 {\rtlch\fcs1 \ai\af0\afs22 \ltrch\fcs0 \fs22\insrsid1261250\charrsid1261250 \'cf\'ee\'f0\'ff\'e4\'ee\'ea \'f3\'ef\'eb\'e0\'f2\'fb \'ef\'f0\'ee\'f6\'</w:t>
      </w:r>
      <w:r w:rsidRPr="005A1F79">
        <w:rPr>
          <w:rFonts w:ascii="Courier New" w:hAnsi="Courier New" w:cs="Courier New"/>
        </w:rPr>
        <w:t>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d\'f2\'ee\'e2}{\rtlch\fcs1 \ai\af0\afs22 \ltrch\fcs0 \strike\fs22\insrsid1261250\charrsid1261250 \cell }\pard \ltrpar\qj \li0\ri0\nowidctlpar\intbl\wrapdefault\aspalpha\aspnum\faauto\adjustright\rin0\lin0\pararsid2098646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</w:t>
      </w:r>
      <w:r w:rsidRPr="005A1F79">
        <w:rPr>
          <w:rFonts w:ascii="Courier New" w:hAnsi="Courier New" w:cs="Courier New"/>
        </w:rPr>
        <w:t>trch\fcs0 \fs22\insrsid1261250\charrsid13642871 \'c5\'e6\'e5\'ec\'e5\'f1\'ff\'f7\'ed\'ee, \'f1 1-\'e3\'ee \'ef\'ee 15-\'ee\'e5 \'f7\'e8\'f1\'eb\'ee \'ea\'e0\'e6\'e4\'ee\'e3\'ee \'ec\'e5\'f1\'ff\'f6\'e0, \'ed\'e0\'f7\'e8\'f1\'eb\'e5\'ed\'ed\'fb\'f5 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</w:t>
      </w:r>
      <w:r w:rsidRPr="005A1F79">
        <w:rPr>
          <w:rFonts w:ascii="Courier New" w:hAnsi="Courier New" w:cs="Courier New"/>
        </w:rPr>
        <w:t xml:space="preserve">e0 \'ef\'f0\'e5\'e4\'fb\'e4\'f3\'f9\'e8\'e9 \'ec\'e5\'f1\'ff\'f6\cell }\pard \ltrpar\ql \li0\ri0\sa160\sl259\slmult1\widctlpar\intbl\wrapdefault\aspalpha\aspnum\faauto\adjustright\rin0\lin0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1261250\charrsi</w:t>
      </w:r>
      <w:r w:rsidRPr="005A1F79">
        <w:rPr>
          <w:rFonts w:ascii="Courier New" w:hAnsi="Courier New" w:cs="Courier New"/>
        </w:rPr>
        <w:t xml:space="preserve">d13642871 \trowd \irow0\irowband0\lastrow \ltrrow\ts11\trgaph108\trrh217\trleft-180\trbrdrt\brdrs\brdrw10 \trbrdrl\brdrs\brdrw10 \trbrdrb\brdrs\brdrw10 \trbrdrr\brdrs\brdrw10 \trbrdrh\brdrs\brdrw10 \trbrdrv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rftsWidth3\trwWidth9914\trftsWi</w:t>
      </w:r>
      <w:r w:rsidRPr="005A1F79">
        <w:rPr>
          <w:rFonts w:ascii="Courier New" w:hAnsi="Courier New" w:cs="Courier New"/>
        </w:rPr>
        <w:t xml:space="preserve">dthB3\trpaddl108\trpaddr108\trpaddfl3\trpaddft3\trpaddfb3\trpaddfr3\tblrsid2098646\tblind-72\tblindtype3 \clvertalt\clbrdrt\brdrs\brdrw10 \clbrdrl\brdrs\brdrw10 \clbrdrb\brdrs\brdrw10 \clbrdrr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cltxlrtb\clftsWidth3\clwWidth3176\clshdrawnil </w:t>
      </w:r>
      <w:r w:rsidRPr="005A1F79">
        <w:rPr>
          <w:rFonts w:ascii="Courier New" w:hAnsi="Courier New" w:cs="Courier New"/>
        </w:rPr>
        <w:t>\cellx2996\clvertalt\clbrdrt\brdrs\brdrw10 \clbrdrl\brdrs\brdrw10 \clbrdrb\brdrs\brdrw10 \clbrdrr\brdrs\brdrw10 \clcbpat8\cltxlrtb\clftsWidth3\clwWidth6738\clcbpatraw8 \cellx9734\row }\pard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j \li0\ri0\nowidctlpar\wrapdefault\aspalpha\aspnum\faau</w:t>
      </w:r>
      <w:r w:rsidRPr="005A1F79">
        <w:rPr>
          <w:rFonts w:ascii="Courier New" w:hAnsi="Courier New" w:cs="Courier New"/>
        </w:rPr>
        <w:t>to\adjustright\rin0\lin0\itap0\pararsid1261250 {\rtlch\fcs1 \ab\af0\afs22 \ltrch\fcs0 \b\fs22\expnd4\expndtw20\insrsid1261250\charrsid13642871 \'d3\'f1\'eb\'ee\'e2\'e8\'ff \'e4\'ee\'f1\'f0\'ee\'f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e3\'ee \'ef\'ee\'e3\'e0\'f8\'e5\'ed\'e8\'ff: }{\</w:t>
      </w:r>
      <w:r w:rsidRPr="005A1F79">
        <w:rPr>
          <w:rFonts w:ascii="Courier New" w:hAnsi="Courier New" w:cs="Courier New"/>
        </w:rPr>
        <w:t>rtlch\fcs1 \ab\af0\afs22 \ltrch\fcs0 \fs22\expnd4\expndtw20\insrsid1261250\charrsid13642871 \'f1 \'f3\'e2\'e5\'e4\'ee\'ec\'eb\'e5\'ed\'e8\'e5\'ec \'c1\'e0\'ed\'ea\'e0, \'f1 \'e2\'e7\'e8\'ec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5\'ec \'f4\'e8\'ea\'f1\'e8\'f0\'ee\'e2\'e0\'ed\'ed</w:t>
      </w:r>
      <w:r w:rsidRPr="005A1F79">
        <w:rPr>
          <w:rFonts w:ascii="Courier New" w:hAnsi="Courier New" w:cs="Courier New"/>
        </w:rPr>
        <w:t xml:space="preserve">\'ee\'e9 \'ea\'ee\'ec\'e8\'f1\'f1\'e8\'e8 \'e7\'e0 \'e4\'ee\'f1\'f0\'ee\'f7\'ed\'ee\'e5 \'ef\'ee\'e3\'e0\'f8\'e5\'ed\'e8\'e5.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b\fs22\expnd4\expndtw20\insrsid1261250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</w:t>
      </w:r>
      <w:r w:rsidRPr="005A1F79">
        <w:rPr>
          <w:rFonts w:ascii="Courier New" w:hAnsi="Courier New" w:cs="Courier New"/>
        </w:rPr>
        <w:t>\qj \li0\ri0\sb20\sa20\nowidctlpar\tx319\wrapdefault\hyphpar0\aspalpha\faroman\adjustright\rin0\lin0\itap0\pararsid1261250 \rtlch\fcs1 \af0\afs24\alang1025 \ltrch\fcs0 \f1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b\af0\afs22 </w:t>
      </w:r>
      <w:r w:rsidRPr="005A1F79">
        <w:rPr>
          <w:rFonts w:ascii="Courier New" w:hAnsi="Courier New" w:cs="Courier New"/>
        </w:rPr>
        <w:t xml:space="preserve">\ltrch\fcs0 \b\f0\fs22\expnd4\expndtw20\insrsid1261250\charrsid13642871 \'d6\'e5\'eb\'e5\'e2\'ee\'e5 \'ed\'e0\'e7\'ed\'e0\'f7\'e5\'ed\'e8\'e5}{\rtlch\fcs1 \af0\afs22 \ltrch\fcs0 \f0\fs22\insrsid126125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62\qj \l</w:t>
      </w:r>
      <w:r w:rsidRPr="005A1F79">
        <w:rPr>
          <w:rFonts w:ascii="Courier New" w:hAnsi="Courier New" w:cs="Courier New"/>
        </w:rPr>
        <w:t xml:space="preserve">i0\ri0\sb20\sa20\widctlpar\wrapdefault\aspalpha\aspnum\faauto\adjustright\rin0\lin0\itap0\pararsid1261250 \rtlch\fcs1 \af0\afs24\alang1025 \ltrch\fcs0 \fs24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</w:t>
      </w:r>
      <w:r w:rsidRPr="005A1F79">
        <w:rPr>
          <w:rFonts w:ascii="Courier New" w:hAnsi="Courier New" w:cs="Courier New"/>
        </w:rPr>
        <w:t>id1261250\charrsid13642871 1.\~\'d4\'e8\'ed\'e0\'ed\'f1\'e8\'f0\'ee\'e2\'e0\'ed\'e8\'e5 \'f2\'e5\'ea\'f3\'f9\'e5\'e9 \'e4\'e5\'ff\'f2\'e5\'eb\'fc\'ed\'ee\'f1\'f2\'e8 \'e8 \'e8 \'f4\'e8\'ed\'e0\'ed\'f1\'e8\'f0\'ee\'e2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8\'e5 \'e4\'e5\'ff\'f2\'e5\</w:t>
      </w:r>
      <w:r w:rsidRPr="005A1F79">
        <w:rPr>
          <w:rFonts w:ascii="Courier New" w:hAnsi="Courier New" w:cs="Courier New"/>
        </w:rPr>
        <w:t>'eb\'fc\'ed\'ee\'f1\'f2\'e8, \'ef\'f0\'e5\'e4\'f3\'f1\'ec\'ee\'f2\'f0\'e5\'ed\'ed\'ee\'e9 \'f3\'f1\'f2\'e0\'e2\'ee\'ec \'c7\'e0\'e5\'ec\'f9\'e8\'ea\'e0, \'e2 \'f0\'e0\'ec\'ea\'e0\'f5 \'e5\'e3\'ee \'ee\'e1\'fb\'f7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9 \'f5\'ee\'e7\'ff\'e9\'f1\'f2\</w:t>
      </w:r>
      <w:r w:rsidRPr="005A1F79">
        <w:rPr>
          <w:rFonts w:ascii="Courier New" w:hAnsi="Courier New" w:cs="Courier New"/>
        </w:rPr>
        <w:t xml:space="preserve">'e2\'e5\'ed\'ed\'ee\'e9 \'e4\'e5\'ff\'f2\'e5\'eb\'fc\'ed\'ee\'f1\'f2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sb20\sa20\nowidctlpar\tx319\wrapdefault\hyphpar0\aspalpha\faroman\adjustright\rin0\lin0\itap0\pararsid1261250 \rtlch\fcs1 \af0\afs24\alang1</w:t>
      </w:r>
      <w:r w:rsidRPr="005A1F79">
        <w:rPr>
          <w:rFonts w:ascii="Courier New" w:hAnsi="Courier New" w:cs="Courier New"/>
        </w:rPr>
        <w:t>025 \ltrch\fcs0 \f1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f0\fs22\insrsid1261250\charrsid13642871 2. \'cf\'f0\'e8\'ee\'e1\'f0\'e5\'f2\'e5\'ed\'e8\'e5, \'f0\'e5\'ec\'ee\'ed\'f2, \'ec\'ee\'e4\'e5\'f0\'e</w:t>
      </w:r>
      <w:r w:rsidRPr="005A1F79">
        <w:rPr>
          <w:rFonts w:ascii="Courier New" w:hAnsi="Courier New" w:cs="Courier New"/>
        </w:rPr>
        <w:t>d\'e8\'e7\'e0\'f6\'e8\'ff \'ee\'f1\'ed\'ee\'e2\'ed\'fb\'f5 \'f1\'f0\'e5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2\'e2 (\'e2\'ea\'eb\'fe\'f7\'e0\'ff \'ed\'e5\'e4\'e2\'e8\'e6\'e8\'ec\'ee\'e5 \'e8\'ec\'f3\'f9\'e5\'f1\'f2\'e2\'ee \'ed\'e0 \'f1\'f3\'ec\'ec\'f3 \'ed\'e5 \'e1\'ee\'eb\'e5\'e</w:t>
      </w:r>
      <w:r w:rsidRPr="005A1F79">
        <w:rPr>
          <w:rFonts w:ascii="Courier New" w:hAnsi="Courier New" w:cs="Courier New"/>
        </w:rPr>
        <w:t>5 100\~000\~000, 00 \'f0\'f3\'e1\'eb\'e5\'e9)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{\rtlch\fcs1 \ai\af0\afs22 \ltrch\fcs0 \b\f0\fs22\insrsid1261250\charrsid13642871 \'ce\'e1\'e5\'f1\'ef\'e5\'f7\'e5\'ed\'e8\'e5: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s43\qj \li34\ri0\sb20\sa20\widctlpar\wrapdefault\aspa</w:t>
      </w:r>
      <w:r w:rsidRPr="005A1F79">
        <w:rPr>
          <w:rFonts w:ascii="Courier New" w:hAnsi="Courier New" w:cs="Courier New"/>
        </w:rPr>
        <w:t>lpha\aspnum\faauto\adjustright\rin0\lin34\itap0\pararsid1261250 {\rtlch\fcs1 \ai\af0\afs22 \ltrch\fcs0 \f0\fs22\insrsid1261250\charrsid13642871 \'ef\'ee\'f0\'f3\'f7\'e8\'f2\'e5\'e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2\'e2\'ee \'f2\'f0\'e5\'f2\'fc\'e8\'f5 \'eb\'e8\'f6:}{\rtlch\fc</w:t>
      </w:r>
      <w:r w:rsidRPr="005A1F79">
        <w:rPr>
          <w:rFonts w:ascii="Courier New" w:hAnsi="Courier New" w:cs="Courier New"/>
        </w:rPr>
        <w:t xml:space="preserve">s1 \af0\afs22 \ltrch\fcs0 \f0\fs22\insrsid1261250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1261250\charrsid13642871 \hich\af0\dbch\af0\loch\f0 -\tab}}\pard \ltrpar\s43\qj \fi-283\li317\ri0\s</w:t>
      </w:r>
      <w:r w:rsidRPr="005A1F79">
        <w:rPr>
          <w:rFonts w:ascii="Courier New" w:hAnsi="Courier New" w:cs="Courier New"/>
        </w:rPr>
        <w:t>b20\sa20\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tx317\wrapdefault\aspalpha\aspnum\faauto\ls41\adjustright\rin0\lin317\itap0\pararsid1261250 {\rtlch\fcs1 \af0\afs22 \ltrch\fcs0 \f0\fs22\insrsid1261250\charrsid13642871 \'ce\'ce\'ce \'ab\'c4\'e0\'eb\'fc\'d0\'fb\'e1\'cf\'ee\'f0\'f2\'bb </w:t>
      </w:r>
      <w:r w:rsidRPr="005A1F79">
        <w:rPr>
          <w:rFonts w:ascii="Courier New" w:hAnsi="Courier New" w:cs="Courier New"/>
        </w:rPr>
        <w:t>(\'c8\'cd\'c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2537047582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s43\qj \li0\ri0\sb20\sa20\widctlpar\tx317\wrapdefault\aspalpha\aspnum\faauto\adjustright\rin0\lin0\itap0\pararsid1261250 {\rtlch\fcs1 \af0\afs22 \ltrch\fcs0 \f0\fs22\insrsid1261250\charrsid13642871 -    \'c</w:t>
      </w:r>
      <w:r w:rsidRPr="005A1F79">
        <w:rPr>
          <w:rFonts w:ascii="Courier New" w:hAnsi="Courier New" w:cs="Courier New"/>
        </w:rPr>
        <w:t>0\'ce \'ab\'d2\'e5\'f0\'ec\'e8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b \'c0\'f1\'f2\'e0\'f4\'fc\'e5\'e2\'e0\'bb  (\'c8\'cd\'cd 2508001618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1261250\charrsid13642871 \hich\af0\dbch\af0\loch\f0 -\</w:t>
      </w:r>
      <w:r w:rsidRPr="005A1F79">
        <w:rPr>
          <w:rFonts w:ascii="Courier New" w:hAnsi="Courier New" w:cs="Courier New"/>
        </w:rPr>
        <w:t>tab}}\pard \ltrpar\s43\qj \fi-283\li317\ri0\sb20\sa20\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x317\wrapdefault\aspalpha\aspnum\faauto\ls41\adjustright\rin0\lin317\itap0\pararsid1261250 {\rtlch\fcs1 \af0\afs22 \ltrch\fcs0 \f0\fs22\insrsid1261250\charrsid13642871 \'d0\'fb\'e1\'ee\'eb\</w:t>
      </w:r>
      <w:r w:rsidRPr="005A1F79">
        <w:rPr>
          <w:rFonts w:ascii="Courier New" w:hAnsi="Courier New" w:cs="Courier New"/>
        </w:rPr>
        <w:t>'ee\'e2\'e5\'f6\'ea\'e8\'e9 \'ea\'ee\'eb\'f5\'ee\'e7 \'ab\'c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3\'ed\'e8 \'c2\'ee\'f1\'f2\'ee\'ea\'e0\'bb (\'c8\'cd\'cd 2528004952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1261250\charrsid13642871 \hich\a</w:t>
      </w:r>
      <w:r w:rsidRPr="005A1F79">
        <w:rPr>
          <w:rFonts w:ascii="Courier New" w:hAnsi="Courier New" w:cs="Courier New"/>
        </w:rPr>
        <w:t>f0\dbch\af0\loch\f0 -\tab}\'ce\'ce\'ce \'ab\'c0\'ea\'e2\'e0-\'d0\'e5\'f1\'f3\'f0\'f1\'fb\'bb (\'c8\'cd\'cd 25370525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1261250\charrsid13642871 \hich\af0\dbch\af0\loch</w:t>
      </w:r>
      <w:r w:rsidRPr="005A1F79">
        <w:rPr>
          <w:rFonts w:ascii="Courier New" w:hAnsi="Courier New" w:cs="Courier New"/>
        </w:rPr>
        <w:t>\f0 -\tab}\'ce\'ce\'ce \'ab\'cc\'e0\'e3\'e8\'f1\'f2\'f0\'e0\'eb\'fc-\'c4\'c2\'bb (\'c8\'cd\'cd 25400778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1261250\charrsid13642871 \hich\af0\dbch\af0\loch\f0 -\tab}\'</w:t>
      </w:r>
      <w:r w:rsidRPr="005A1F79">
        <w:rPr>
          <w:rFonts w:ascii="Courier New" w:hAnsi="Courier New" w:cs="Courier New"/>
        </w:rPr>
        <w:t>ce\'ce\'ce \'ab\'c4\'e0\'eb\'fc\'ed\'e5\'e2\'ee\'f1\'f2\'ee\'f7\'ed\'e0\'ff \'f2\'f0\'e0\'ed\'f1\'ef\'ee\'f0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0\'ff \'ea\'ee\'ec\'ef\'e0\'ed\'e8\'ff\'bb (\'c8\'cd\'cd 253708931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</w:t>
      </w:r>
      <w:r w:rsidRPr="005A1F79">
        <w:rPr>
          <w:rFonts w:ascii="Courier New" w:hAnsi="Courier New" w:cs="Courier New"/>
        </w:rPr>
        <w:t>trch\fcs0 \fs22\insrsid1261250\charrsid13642871 \hich\af0\dbch\af0\loch\f0 -\tab}\'ce\'ce\'ce \'ab\'d2\'e8\'f5\'ee\'ee\'ea\'e5\'e0\'ed\'f1\'ea\'e8\'e9 \'e1\'e0\'eb\'ea\'e5\'f0\'ed\'fb\'e9 \'f2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c\'e8\'ed\'e0\'eb\'bb (\'c8\'cd\'cd 2537131611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</w:t>
      </w:r>
      <w:r w:rsidRPr="005A1F79">
        <w:rPr>
          <w:rFonts w:ascii="Courier New" w:hAnsi="Courier New" w:cs="Courier New"/>
        </w:rPr>
        <w:t>par {\listtext\pard\plain\ltrpar \s43 \rtlch\fcs1 \af0\afs22 \ltrch\fcs0 \fs22\insrsid1261250\charrsid13642871 \hich\af0\dbch\af0\loch\f0 -\tab}\'ce\'ce\'ce \'ab\'d2\'e5\'f0\'ec\'e8\'ed\'e0\'eb \'c0\'f1\'f2\'e0\'f4\'fc\'e5\'e2\'e0\'bb (\'c8\'cd\'c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25081</w:t>
      </w:r>
      <w:r w:rsidRPr="005A1F79">
        <w:rPr>
          <w:rFonts w:ascii="Courier New" w:hAnsi="Courier New" w:cs="Courier New"/>
        </w:rPr>
        <w:t>29784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1261250\charrsid13642871 \hich\af0\dbch\af0\loch\f0 -\tab}\'ce\'ce\'ce \'ab\'c1\'e5\'f0\'e5\'e3\'e0 \'cf\'f0\'e8\'ec\'ee\'f0\'fc\'ff\'bb (\'c8\'cd\'cd 253708238</w:t>
      </w:r>
      <w:r w:rsidRPr="005A1F79">
        <w:rPr>
          <w:rFonts w:ascii="Courier New" w:hAnsi="Courier New" w:cs="Courier New"/>
        </w:rPr>
        <w:t>6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1261250\charrsid13642871 \hich\af0\dbch\af0\loch\f0 -\tab}\'ce\'ce\'ce \'ab\'c0\'ea\'e2\'e0\'e8\'ed\'e4\'f3\'f1\'f2\'f0\'e8\'ff\'bb (\'c8\'cd\'cd 2537067613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</w:t>
      </w:r>
      <w:r w:rsidRPr="005A1F79">
        <w:rPr>
          <w:rFonts w:ascii="Courier New" w:hAnsi="Courier New" w:cs="Courier New"/>
        </w:rPr>
        <w:t xml:space="preserve"> }\pard\plain \ltrpar\s54\qj \li0\ri0\nowidctlpar\wrapdefault\faauto\rin0\lin0\itap0\pararsid1261250 \rtlch\fcs1 \af1\afs24\alang1025 \ltrch\fcs0 \f1\fs24\cf1\lang1049\langfe1049\cgrid\langnp1049\langfenp1049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</w:t>
      </w:r>
      <w:r w:rsidRPr="005A1F79">
        <w:rPr>
          <w:rFonts w:ascii="Courier New" w:hAnsi="Courier New" w:cs="Courier New"/>
        </w:rPr>
        <w:t>insrsid1261250\charrsid13642871 - \'ca\'ee\'ed\'e4\'f0\'e0\'f2\'ee\'e2 \'d0\'f3\'f1\'eb\'e0\'ed \'c2\'e8\'ea\'f2\'ee\'f0\'ee\'e2\'e8\'f7; }{\rtlch\fcs1 \af0\afs22 \ltrch\fcs0 \f0\fs22\cf0\insrsid1261250\charrsid13642871 \'c2\'e8\'e4 \'ee\'f2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f2\</w:t>
      </w:r>
      <w:r w:rsidRPr="005A1F79">
        <w:rPr>
          <w:rFonts w:ascii="Courier New" w:hAnsi="Courier New" w:cs="Courier New"/>
        </w:rPr>
        <w:t xml:space="preserve">'f1\'f2\'e2\'e5\'ed\'ed\'ee\'f1\'f2\'e8 \'ef\'ee\'f0\'f3\'f7\'e8\'f2\'e5\'eb\'ff: \'f1\'ee\'eb\'e8\'e4\'e0\'f0\'ed\'e0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0\'e0\'e7\'ec\'e5\'f0 \'ee\'f2\'e2\'e5\'f2\'f1\'f2\'e2\'e5\'ed\'ed\'ee\'f1\'f2\'e8 \'ef\'ee\'f0\'f3\'f7\'e8\'f2\'e5\'eb\'ff</w:t>
      </w:r>
      <w:r w:rsidRPr="005A1F79">
        <w:rPr>
          <w:rFonts w:ascii="Courier New" w:hAnsi="Courier New" w:cs="Courier New"/>
        </w:rPr>
        <w:t>: \'ed\'e0 \'e2\'f1\'fe \'f1\'f3\'ec\'ec\'f3 \'ee\'e1\'ff\'e7\'e0\'f2\'e5\'eb\'fc\'f1\'f2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widctlpar\tx350\wrapdefault\aspalpha\aspnum\faauto\adjustright\rin0\lin0\itap0\pararsid1261250 \rtlch\fcs1 \af0\afs24\</w:t>
      </w:r>
      <w:r w:rsidRPr="005A1F79">
        <w:rPr>
          <w:rFonts w:ascii="Courier New" w:hAnsi="Courier New" w:cs="Courier New"/>
        </w:rPr>
        <w:t xml:space="preserve">alang1025 \ltrch\fcs0 \f1\fs20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0\fs22\insrsid1261250\charrsid13642871 \'c7\'e0\'eb\'ee\'e3 \'e8\'ec\'f3\'f9\'e5\'f1\'f2\'e2\'e0, \'ef\'f0\'e8\'ed\'e0\'e4\'eb\'e5\'e6\</w:t>
      </w:r>
      <w:r w:rsidRPr="005A1F79">
        <w:rPr>
          <w:rFonts w:ascii="Courier New" w:hAnsi="Courier New" w:cs="Courier New"/>
        </w:rPr>
        <w:t>'e0\'f9\'e5\'e3\'ee \'ce\'ce\'ce \'ab\'d2\'e5\'f0\'ec\'e8\'ed\'e0\'eb \'c0\'f1\'f2\'e0\'f4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2\'e0\'bb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tqc\tx4677\tqr\tx9355\wrapdefault\aspalpha\aspnum\faauto\adjustright\rin0\lin0\itap0\pararsid</w:t>
      </w:r>
      <w:r w:rsidRPr="005A1F79">
        <w:rPr>
          <w:rFonts w:ascii="Courier New" w:hAnsi="Courier New" w:cs="Courier New"/>
        </w:rPr>
        <w:t>1261250 \rtlch\fcs1 \af0\afs20\alang1025 \ltrch\fcs0 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b\af0\afs22 \ltrch\fcs0 \b\fs22\expnd4\expndtw20\insrsid1261250\charrsid13642871 \'cf\'f0\'ee\'f6\'e5\'ed\'f2\'ed\'e0\'ff \'f1\'f2</w:t>
      </w:r>
      <w:r w:rsidRPr="005A1F79">
        <w:rPr>
          <w:rFonts w:ascii="Courier New" w:hAnsi="Courier New" w:cs="Courier New"/>
        </w:rPr>
        <w:t>\'e0\'e2\'ea\'e0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\plain \ltrpar\s54\qj \li0\ri0\nowidctlpar\wrapdefault\faauto\rin0\lin0\itap0\pararsid1261250 \rtlch\fcs1 \af1\afs24\alang1025 \ltrch\fcs0 \f1\fs24\cf1\lang1049\langfe1049\cgrid\langnp1049\langfenp1049 {\rtlch\fcs1 \af0\afs22 </w:t>
      </w:r>
      <w:r w:rsidRPr="005A1F79">
        <w:rPr>
          <w:rFonts w:ascii="Courier New" w:hAnsi="Courier New" w:cs="Courier New"/>
        </w:rPr>
        <w:t xml:space="preserve">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i\f0\fs22\cf0\insrsid1261250\charrsid13642871 \'ca\'eb\'fe\'f7\'e5\'e2\'e0\'ff \'f1\'f2\'e0\'e2\'ea\'e0 \'c1\'e0\'ed\'ea\'e0 \'d0\'ee\'f1\'f1\'e8\'e8, \'f3\'e2\'e5\'eb\'e8\'f7\'e5\'ed\'ed\'e0\'ff \'ed\'e5 \'e1\'ee\'eb\'e5\'e5 \'f7\'e5\'ec \'</w:t>
      </w:r>
      <w:r w:rsidRPr="005A1F79">
        <w:rPr>
          <w:rFonts w:ascii="Courier New" w:hAnsi="Courier New" w:cs="Courier New"/>
        </w:rPr>
        <w:t>ed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 2,85  \'ef\'f0\'ee\'f6\'e5\'ed\'f2\'e0 \'e3\'ee\'e4\'ee\'e2\'fb\'f5}{\rtlch\fcs1 \af0\afs22 \ltrch\fcs0 \f0\fs22\cf0\insrsid1261250\charrsid13642871 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6\ql \li0\ri0\widctlpar\tqc\tx4153\tqr\tx8306\wrapdefault\aspalpha</w:t>
      </w:r>
      <w:r w:rsidRPr="005A1F79">
        <w:rPr>
          <w:rFonts w:ascii="Courier New" w:hAnsi="Courier New" w:cs="Courier New"/>
        </w:rPr>
        <w:t>\aspnum\faauto\adjustright\rin0\lin0\itap0\pararsid1261250 \rtlch\fcs1 \af0\afs20\alang1025 \ltrch\fcs0 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fs22\insrsid1261250\charrsid13642871 \'c7\'ed\'e0\'f7\'e5</w:t>
      </w:r>
      <w:r w:rsidRPr="005A1F79">
        <w:rPr>
          <w:rFonts w:ascii="Courier New" w:hAnsi="Courier New" w:cs="Courier New"/>
        </w:rPr>
        <w:t>\'ed\'e8\'e5 \'ea\'eb\'fe\'f7\'e5\'e2\'ee\'e9 \'f1\'f2\'e0\'e2\'ea\'e8 \'c1\'e0\'ed\'ea\'e0 \'d0\'ee\'f1\'f1\'e8\'e8 \'ee\'ef\'f0\'e5\'e4\'e5\'eb\'ff\'e5\'f2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f \'ed\'e0 \'ee\'f1\'ed\'ee\'e2\'e0\'ed\'e8\'e8 \'e8\'ed\'f4\'ee\'f0\'ec\'e0\'f6\'e8\'e8, </w:t>
      </w:r>
      <w:r w:rsidRPr="005A1F79">
        <w:rPr>
          <w:rFonts w:ascii="Courier New" w:hAnsi="Courier New" w:cs="Courier New"/>
        </w:rPr>
        <w:t>\'f0\'e0\'e7\'ec\'e5\'f9\'e5\'ed\'ed\'ee\'e9 \'ed\'e0 \'ee\'f4\'e8\'f6\'e8\'e0\'eb\'fc\'ed\'ee\'ec \'f1\'e0\'e9\'f2\'e5 \'c1\'e0\'ed\'ea\'e0 \'d0\'ee\'f1\'f1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 \'e2 \'f1\'e5\'f2\'e8 \'c8\'ed\'f2\'e5\'f0\'ed\'e5\'f2 (\'ed\'e0 \'f1\'e0\'e9\'f2\'e5 ww</w:t>
      </w:r>
      <w:r w:rsidRPr="005A1F79">
        <w:rPr>
          <w:rFonts w:ascii="Courier New" w:hAnsi="Courier New" w:cs="Courier New"/>
        </w:rPr>
        <w:t>w.cbr.ru \'e8\'eb\'e8 \'e8\'ed\'ee\'ec \'ee\'f4\'e8\'f6\'e8\'e0\'eb\'fc\'ed\'ee\'ec \'f1\'e0\'e9\'f2\'e5 \'c1\'e0\'ed\'ea\'e0 \'d0\'ee\'f1\'f1\'e8\'e8 \'e2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f3\'f7\'e0\'e5 \'e5\'e3\'ee \'e8\'e7\'ec\'e5\'ed\'e5\'ed\'e8\'ff)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</w:t>
      </w:r>
      <w:r w:rsidRPr="005A1F79">
        <w:rPr>
          <w:rFonts w:ascii="Courier New" w:hAnsi="Courier New" w:cs="Courier New"/>
        </w:rPr>
        <w:t xml:space="preserve">lain \ltrpar\s43\qj \li0\ri0\widctlpar\tx317\wrapdefault\aspalpha\aspnum\faauto\adjustright\rin0\lin0\itap0\pararsid1261250 \rtlch\fcs1 \af0\afs24\alang1025 \ltrch\fcs0 \f1\fs20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</w:t>
      </w:r>
      <w:r w:rsidRPr="005A1F79">
        <w:rPr>
          <w:rFonts w:ascii="Courier New" w:hAnsi="Courier New" w:cs="Courier New"/>
        </w:rPr>
        <w:t>trch\fcs0 \f0\fs22\insrsid1261250\charrsid13642871 \'cf\'e5\'f0\'e5\'f1\'ec\'ee\'f2\'f0 \'ea\'eb\'fe\'f7\'e5\'e2\'ee\'e9 \'f1\'f2\'e0\'e2\'ea\'e8 \'c1\'e0\'ed\'ea\'e0 \'d0\'ee\'f1\'f1\'e8\'e8 \'ee\'f1\'f3\'f9\'e5\'f1\'f2\'e2\'eb\'ff\'e5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f \'ed\</w:t>
      </w:r>
      <w:r w:rsidRPr="005A1F79">
        <w:rPr>
          <w:rFonts w:ascii="Courier New" w:hAnsi="Courier New" w:cs="Courier New"/>
        </w:rPr>
        <w:t>'e0 \'e5\'e6\'e5\'e4\'ed\'e5\'e2\'ed\'ee\'e9 \'ee\'f1\'ed\'ee\'e2\'e5. \'cf\'f0\'e8 \'e8\'e7\'ec\'e5\'ed\'e5\'ed\'e8\'e8 \'ea\'eb\'fe\'f7\'e5\'e2\'ee\'e9 \'f1\'f2\'e0\'e2\'ea\'e8 \'c1\'e0\'ed\'ea\'e0 \'d0\'ee\'f1\'f1\'e8\'e8 \'ef\'f0\'ee\'f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d\'f2\</w:t>
      </w:r>
      <w:r w:rsidRPr="005A1F79">
        <w:rPr>
          <w:rFonts w:ascii="Courier New" w:hAnsi="Courier New" w:cs="Courier New"/>
        </w:rPr>
        <w:t xml:space="preserve">'ed\'e0\'ff \'f1\'f2\'e0\'e2\'ea\'e0 \'ef\'ee \'ca\'f0\'e5\'e4\'e8\'f2\'ed\'ee\'e9 \'eb\'e8\'ed\'e8\'e8 \'f1\'f7\'e8\'f2\'e0\'e5\'f2\'f1\'ff \'e8\'e7\'ec\'e5\'ed\'e5\'ed\'ed\'ee\'e9 \'e2 \'e4\'e0\'f2\'f3, \'f1 \'ea\'ee\'f2\'ee\'f0\'ee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f1\'f2\'e</w:t>
      </w:r>
      <w:r w:rsidRPr="005A1F79">
        <w:rPr>
          <w:rFonts w:ascii="Courier New" w:hAnsi="Courier New" w:cs="Courier New"/>
        </w:rPr>
        <w:t>0\'ed\'e0\'e2\'eb\'e8\'e2\'e0\'e5\'f2\'f1\'ff \'ed\'ee\'e2\'ee\'e5 \'e7\'ed\'e0\'f7\'e5\'ed\'e8\'e5 \'ea\'eb\'fe\'f7\'e5\'e2\'ee\'e9 \'f1\'f2\'e0\'e2\'ea\'e8 \'c1\'e0\'ed\'ea\'e0 \'d0\'ee\'f1\'f1\'e8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0</w:t>
      </w:r>
      <w:r w:rsidRPr="005A1F79">
        <w:rPr>
          <w:rFonts w:ascii="Courier New" w:hAnsi="Courier New" w:cs="Courier New"/>
        </w:rPr>
        <w:t>\fs22\expnd4\expndtw20\insrsid1261250\charrsid13642871 \'cd\'e0\'e4\'e1\'e0\'e2\'ea\'e0 \'ea \'ef\'f0\'ee\'f6\'e5\'ed\'f2\'ed\'ee\'e9 \'f1\'f2\'e0\'e2\'ea\'e5 \'e7\'e0 \'ef\'ee\'e4\'e4\'e5\'f0\'e6\'e0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5 \'ea\'f0\'e5\'e4\'e8\'f2\'ee\'e2\'fb\'f5 </w:t>
      </w:r>
      <w:r w:rsidRPr="005A1F79">
        <w:rPr>
          <w:rFonts w:ascii="Courier New" w:hAnsi="Courier New" w:cs="Courier New"/>
        </w:rPr>
        <w:t xml:space="preserve">\'ee\'e1\'ee\'f0\'ee\'f2\'ee\'e2 \'ec\'e5\'ed\'e5\'e5 \'f3\'f1\'f2\'e0\'ed\'ee\'e2\'eb\'e5\'ed\'ed\'ee\'e3\'ee \'f0\'e0\'e7\'ec\'e5\'f0\'e0: 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expnd4\expndtw20\insrsid1261250\charrsid13642871 1 % \'e3\'ee\'e</w:t>
      </w:r>
      <w:r w:rsidRPr="005A1F79">
        <w:rPr>
          <w:rFonts w:ascii="Courier New" w:hAnsi="Courier New" w:cs="Courier New"/>
        </w:rPr>
        <w:t>4\'ee\'e2\'fb\'f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aspalpha\aspnum\faauto\adjustright\rin0\lin0\itap0\pararsid1261250 \rtlch\fcs1 \af0\afs20\alang1025 \ltrch\fcs0 \fs20\lang1049\langfe1049\cgrid\langnp1049\langfenp1049 {\rtlch\</w:t>
      </w:r>
      <w:r w:rsidRPr="005A1F79">
        <w:rPr>
          <w:rFonts w:ascii="Courier New" w:hAnsi="Courier New" w:cs="Courier New"/>
        </w:rPr>
        <w:t xml:space="preserve">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s22\expnd4\expndtw20\insrsid1261250\charrsid13642871 \'cd\'e0\'e4\'e1\'e0\'e2\'ea\'e0 \'ea \'ef\'f0\'ee\'f6\'e5\'ed\'f2\'ed\'ee\'e9 \'f1\'f2\'e0\'e2\'ea\'e5 \'e7\'e0 \'ef\'ee\'e4\'e4\'e5\'f0\'e6\'e0\'ed\'e8\'e5 \'e4\'e5</w:t>
      </w:r>
      <w:r w:rsidRPr="005A1F79">
        <w:rPr>
          <w:rFonts w:ascii="Courier New" w:hAnsi="Courier New" w:cs="Courier New"/>
        </w:rPr>
        <w:t>\'e1\'e5\'f2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b\'f5 \'ee\'e1\'ee\'f0\'ee\'f2\'ee\'e2 \'ec\'e5\'ed\'e5\'e5 \'f3\'f1\'f2\'e0\'ed\'ee\'e2\'eb\'e5\'ed\'ed\'ee\'e3\'ee \'f0\'e0\'e7\'ec\'e5\'f0\'e0:}{\rtlch\fcs1 \af0\afs22 \ltrch\fcs0 \fs22\insrsid1261250\charrsid13642871  }{\rtlch\</w:t>
      </w:r>
      <w:r w:rsidRPr="005A1F79">
        <w:rPr>
          <w:rFonts w:ascii="Courier New" w:hAnsi="Courier New" w:cs="Courier New"/>
        </w:rPr>
        <w:t xml:space="preserve">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expnd4\expndtw20\insrsid1261250\charrsid13642871 1 % \'e3\'ee\'e4\'ee\'e2\'fb\'f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x252\tqc\tx4677\tqr\tx9355\wrapdefault\aspalpha\aspnum\faauto\adjustright\rin0\lin0\itap0\</w:t>
      </w:r>
      <w:r w:rsidRPr="005A1F79">
        <w:rPr>
          <w:rFonts w:ascii="Courier New" w:hAnsi="Courier New" w:cs="Courier New"/>
        </w:rPr>
        <w:t>pararsid1261250 {\rtlch\fcs1 \af0\afs22 \ltrch\fcs0 \fs22\lang1049\langfe1033\langfenp1033\insrsid1261250\charrsid13642871 \'c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\'f1\'eb\'f3\'f7\'e0\'e5 \'e2\'ee\'e7\'ed\'e8\'ea\'ed\'ee\'e2\'e5\'ed\'e8\'ff \'ee\'f1\'ed\'ee\'e2\'e0\'ed\'e8\'ff \'e4\'eb\'f</w:t>
      </w:r>
      <w:r w:rsidRPr="005A1F79">
        <w:rPr>
          <w:rFonts w:ascii="Courier New" w:hAnsi="Courier New" w:cs="Courier New"/>
        </w:rPr>
        <w:t xml:space="preserve">f \'ef\'f0\'e8\'ec\'e5\'ed\'e5\'ed\'e8\'ff \'ed\'e0\'e4\'e1\'e0\'e2\'ea\'e8 \'ee\'e4\'ed\'ee\'e2\'f0\'e5\'ec\'e5\'ed\'ed\'ee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0 \'ed\'e5\'e2\'fb\'ef\'ee\'eb\'ed\'e5\'ed\'e8\'e5 \'ea\'f0\'e5\'e4\'e8\'f2\'ee\'e2\'fb\'f5 \'ee\'e1\'ee\'f0\'ee\'f2\'ee\'</w:t>
      </w:r>
      <w:r w:rsidRPr="005A1F79">
        <w:rPr>
          <w:rFonts w:ascii="Courier New" w:hAnsi="Courier New" w:cs="Courier New"/>
        </w:rPr>
        <w:t>e2 \'e8 \'e4\'e5\'e1\'e5\'f2\'ee\'e2\'fb\'f5 \'ee\'e1\'ee\'f0\'ee\'f2\'ee\'e2, \'ed\'e0\'e4\'e1\'e0\'e2\'ea\'e0 \'ec\'ee\'e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f2 \'e1\'fb\'f2\'fc \'ef\'f0\'e8\'ec\'e5\'ed\'e5\'ed\'e0 \'f2\'ee\'eb\'fc\'ea\'ee \'ef\'ee \'ee\'e4\'ed\'ee\'ec\'f3 \'e8\'e7</w:t>
      </w:r>
      <w:r w:rsidRPr="005A1F79">
        <w:rPr>
          <w:rFonts w:ascii="Courier New" w:hAnsi="Courier New" w:cs="Courier New"/>
        </w:rPr>
        <w:t xml:space="preserve"> \'ee\'f1\'ed\'ee\'e2\'e0\'ed\'e8\'e9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nowidctlpar\tqc\tx4677\tqr\tx9355\wrapdefault\aspalpha\aspnum\faauto\adjustright\rin0\lin0\itap0\pararsid1261250 {\rtlch\fcs1 \af0\afs22 \ltrch\fcs0 \fs22\lang1049\langfe1033\langfenp1</w:t>
      </w:r>
      <w:r w:rsidRPr="005A1F79">
        <w:rPr>
          <w:rFonts w:ascii="Courier New" w:hAnsi="Courier New" w:cs="Courier New"/>
        </w:rPr>
        <w:t>033\insrsid1261250\charrsid13642871 \'c8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5\'ed\'e5\'ed\'ed\'e0\'ff \'ef\'f0\'ee\'f6\'e5\'ed\'f2\'ed\'e0\'ff \'f1\'f2\'e0\'e2\'ea\'e0 \'ed\'e0\'f7\'e8\'ed\'e0\'e5\'f2 \'e4\'e5\'e9\'f1\'f2\'e2\'ee\'e2\'e0\'f2\'fc \'f1 1-\'e3\'ee \'f7\'e8\'f1\'eb\</w:t>
      </w:r>
      <w:r w:rsidRPr="005A1F79">
        <w:rPr>
          <w:rFonts w:ascii="Courier New" w:hAnsi="Courier New" w:cs="Courier New"/>
        </w:rPr>
        <w:t>'e0 \'ec\'e5\'f1\'ff\'f6\'e0 \'f1\'eb\'e5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fe\'f9\'e5\'e3\'ee \'e7\'e0 \'ec\'e5\'f1\'ff\'f6\'e5\'ec \'e2 \'ea\'ee\'f2\'ee\'f0\'ee\'ec \'c7\'e0\'e5\'ec\'f9\'e8\'ea\'f3 \'e1\'fb\'eb\'ee \'ed\'e0\'ef\'f0\'e0\'e2\'eb\'e5\'ed\'ee \'ef\'e8\'f1\'fc\'ec\</w:t>
      </w:r>
      <w:r w:rsidRPr="005A1F79">
        <w:rPr>
          <w:rFonts w:ascii="Courier New" w:hAnsi="Courier New" w:cs="Courier New"/>
        </w:rPr>
        <w:t>'e5\'ed\'ed\'ee\'e5 \'f3\'e2\'e5\'e4\'ee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d\'e8\'e5 \'ee\'e1 \'e8\'e7\'ec\'e5\'ed\'e5\'ed\'e8\'e8 \'ef\'f0\'ee\'f6\'e5\'ed\'f2\'ed\'ee\'e9 \'f1\'f2\'e0\'e2\'ea\'e8 \'ef\'ee \'ef\'ee\'f1\'eb\'e5\'e4\'ed\'e5\'e5 \'f7\'e8\'f1\'eb\'ee \'ec\'e5\'</w:t>
      </w:r>
      <w:r w:rsidRPr="005A1F79">
        <w:rPr>
          <w:rFonts w:ascii="Courier New" w:hAnsi="Courier New" w:cs="Courier New"/>
        </w:rPr>
        <w:t>f1\'ff\'f6\'e0, \'e2 \'ea\'ee\'f2\'ee\'f0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 \'e2\'fb\'ef\'ee\'eb\'ed\'e5\'ed\'ee \'f3\'f1\'eb\'ee\'e2\'e8\'e5 \'ee \'ed\'e5\'ee\'e1\'f5\'ee\'e4\'e8\'ec\'ee\'ec \'f0\'e0\'e7\'ec\'e5\'f0\'e5 \'ee\'e1\'ee\'f0\'ee\'f2\'ee\'e2, \'ed\'e0\'f0\'f3\'f8\'e5\</w:t>
      </w:r>
      <w:r w:rsidRPr="005A1F79">
        <w:rPr>
          <w:rFonts w:ascii="Courier New" w:hAnsi="Courier New" w:cs="Courier New"/>
        </w:rPr>
        <w:t xml:space="preserve">'ed\'e8\'e5 \'ea\'ee\'f2\'ee\'f0\'ee\'e3\'ee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\'e2\'e8\'eb\'ee\'f1\'fc \'ee\'f1\'ed\'ee\'e2\'e0\'ed\'e8\'e5\'ec \'e4\'eb\'ff \'e8\'e7\'ec\'e5\'ed\'e5\'ed\'e8\'ff \'ef\'f0\'ee\'f6\'e5\'ed\'f2\'ed\'ee\'e9 \'f1\'f2\'e0\'e2\'ea\'e8 (\'e2\'ea\'eb\'fe\'f7\'</w:t>
      </w:r>
      <w:r w:rsidRPr="005A1F79">
        <w:rPr>
          <w:rFonts w:ascii="Courier New" w:hAnsi="Courier New" w:cs="Courier New"/>
        </w:rPr>
        <w:t xml:space="preserve">e8\'f2\'e5\'eb\'fc\'ed\'ee).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f0\afs22 \ltrch\fcs0 \i\fs22\lang1049\langfe1033\langfenp1033\insrsid126125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</w:t>
      </w:r>
      <w:r w:rsidRPr="005A1F79">
        <w:rPr>
          <w:rFonts w:ascii="Courier New" w:hAnsi="Courier New" w:cs="Courier New"/>
        </w:rPr>
        <w:t>261250 {\rtlch\fcs1 \ab\af0\afs22 \ltrch\fcs0 \b\fs22\expnd4\expndtw20\insrsid1261250\charrsid13642871 \'ca\'ee\'ec\'e8\'f1\'f1\'e8\'e8/ \'e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d\'e0\'e3\'f0\'e0\'e6\'e4\'e5\'ed\'e8\'ff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c7\'e0 \'ee\'e1\'ff\'e7\'e0\'f2\'e5\'eb\'fc\'f1\'f2</w:t>
      </w:r>
      <w:r w:rsidRPr="005A1F79">
        <w:rPr>
          <w:rFonts w:ascii="Courier New" w:hAnsi="Courier New" w:cs="Courier New"/>
        </w:rPr>
        <w:t xml:space="preserve">\'e2\'ee:}{\rtlch\fcs1 \ab\af0\afs22 \ltrch\fcs0 \fs22\expnd4\expndtw20\insrsid1261250\charrsid13642871  0,20% \'e3\'ee\'e4\'ee\'e2\'fb\'f5.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s22\insrsid126125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ca\'ee\'ec\'e8\'f1\'f1\'e8\'f</w:t>
      </w:r>
      <w:r w:rsidRPr="005A1F79">
        <w:rPr>
          <w:rFonts w:ascii="Courier New" w:hAnsi="Courier New" w:cs="Courier New"/>
        </w:rPr>
        <w:t>f \'e7\'e0 \'ee\'e1\'ff\'e7\'e0\'f2\'e5\'eb\'fc\'f1\'f2\'e2\'ee \'ed\'e0\'f7\'e8\'f1\'eb\'ff\'e5\'f2\'f1\'ff \'f1 6- \'e3\'ee \'f0\'e0\'e1\'ee\'f7\'e5\'e3\'ee \'e4\'ed\'ff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6\ql \li0\ri0\widctlpar\wrapdefault\aspalpha\aspnum\fa</w:t>
      </w:r>
      <w:r w:rsidRPr="005A1F79">
        <w:rPr>
          <w:rFonts w:ascii="Courier New" w:hAnsi="Courier New" w:cs="Courier New"/>
        </w:rPr>
        <w:t xml:space="preserve">auto\adjustright\rin0\lin0\itap0\pararsid1261250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261250\charrsid13642871 \'d3\'ef\'eb\'e0\'f7\'e8\'e2\'</w:t>
      </w:r>
      <w:r w:rsidRPr="005A1F79">
        <w:rPr>
          <w:rFonts w:ascii="Courier New" w:hAnsi="Courier New" w:cs="Courier New"/>
        </w:rPr>
        <w:t xml:space="preserve">e0\'e5\'f2\'f1\'ff \'e2 \'e4\'e0\'f2\'fb, \'f3\'f1\'f2\'e0\'ed\'ee\'e2\'eb\'e5\'ed\'ed\'fb\'e5 \'e4\'eb\'ff \'f3\'ef\'eb\'e0\'f2\'fb \'ef\'f0\'ee\'f6\'e5\'ed\'f2\'ee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3\qj \li0\ri0\widctlpar\wrapdefault\nooverflow\faroman</w:t>
      </w:r>
      <w:r w:rsidRPr="005A1F79">
        <w:rPr>
          <w:rFonts w:ascii="Courier New" w:hAnsi="Courier New" w:cs="Courier New"/>
        </w:rPr>
        <w:t xml:space="preserve">\rin0\lin0\itap0\pararsid1261250\contextualspace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261250\charrsid13642871 \'cf\'ee\'f1\'eb\'e5\'e4\'ed\'</w:t>
      </w:r>
      <w:r w:rsidRPr="005A1F79">
        <w:rPr>
          <w:rFonts w:ascii="Courier New" w:hAnsi="Courier New" w:cs="Courier New"/>
        </w:rPr>
        <w:t>e8\'e9 \'ef\'eb\'e0\'f2\'e5\'e6 \'f3\'ef\'eb\'e0\'f7\'e8\'e2\'e0\'e5\'f2\'f1\'ff \'e2 \'e4\'e0\'f2\'f3 \'ee\'ea\'ee\'ed\'f7\'e0\'ed\'e8\'ff \'ee\'e1\'f9\'e5\'e3\'ee \'f1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a\'e0 \'ef\'f0\'e5\'e4\'ee\'f1\'f2\'e0\'e2\'eb\'e5\'ed\'e8\'ff \'ca\'f0\'e</w:t>
      </w:r>
      <w:r w:rsidRPr="005A1F79">
        <w:rPr>
          <w:rFonts w:ascii="Courier New" w:hAnsi="Courier New" w:cs="Courier New"/>
        </w:rPr>
        <w:t xml:space="preserve">5\'e4\'e8\'f2\'ee\'e2}{\rtlch\fcs1 \ab\af0\afs22 \ltrch\fcs0 \fs22\expnd4\expndtw20\insrsid1261250\charrsid13642871 ;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b\fs22\expnd4\expndtw20\insrsid126125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33</w:t>
      </w:r>
      <w:r w:rsidRPr="005A1F79">
        <w:rPr>
          <w:rFonts w:ascii="Courier New" w:hAnsi="Courier New" w:cs="Courier New"/>
        </w:rPr>
        <w:t xml:space="preserve"> \rtlch\fcs1 \ab\af0\afs22 \ltrch\fcs0 \f3\fs22\expnd4\expndtw20\insrsid1261250\charrsid13642871 \loch\af3\dbch\af0\hich\f3 \'b7\tab}}\pard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33\qj \fi-283\li709\ri0\widctlpar\wrapdefault\nooverflow\faroman\ls29\rin0\lin709\itap0\pararsid1261250\c</w:t>
      </w:r>
      <w:r w:rsidRPr="005A1F79">
        <w:rPr>
          <w:rFonts w:ascii="Courier New" w:hAnsi="Courier New" w:cs="Courier New"/>
        </w:rPr>
        <w:t xml:space="preserve">ontextualspace {\rtlch\fcs1 \ab\af0\afs22 \ltrch\fcs0 \b\fs22\expnd4\expndtw20\insrsid1261250\charrsid13642871 \'c7\'e0 \'e2\'fb\'e4\'e0\'f7\'f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f0\'e5\'e4\'e8\'f2\'ed\'ee\'e9 \'eb\'e8\'ed\'e8\'e8: }{\rtlch\fcs1 \af0\afs22 \ltrch\fcs0 \fs22\insrsid</w:t>
      </w:r>
      <w:r w:rsidRPr="005A1F79">
        <w:rPr>
          <w:rFonts w:ascii="Courier New" w:hAnsi="Courier New" w:cs="Courier New"/>
        </w:rPr>
        <w:t>1261250\charrsid13642871 30 000 \'f0\'f3\'e1. (\'e2\'e7\'e8\'ec\'e0\'e5\'f2\'f1\'ff \'e2 \'ee\'e1\'ff\'e7\'e0\'f2\'e5\'eb\'fc\'ed\'ee\'ec \'e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ff\'e4\'ea\'e5, \'e5\'f1\'eb\'e8 \'f4\'e8\'ed\'e0\'ed\'f1\'ee\'e2\'ee\'e5 \'f1\'ee\'f1\'f2\'ee\'ff\'ed</w:t>
      </w:r>
      <w:r w:rsidRPr="005A1F79">
        <w:rPr>
          <w:rFonts w:ascii="Courier New" w:hAnsi="Courier New" w:cs="Courier New"/>
        </w:rPr>
        <w:t>\'e8\'e5 \'c7\'e0\'e5\'ec\'f9\'e8\'ea\'e0 \'ed\'e5 \'ec\'ee\'e6\'e5\'f2 \'e1\'fb\'f2\'fc \'ee\'f6\'e5\'ed\'e5\'ed\'ee \'ea\'e0\'ea \'ab\'f5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f8\'e5\'e5\'bb \'e4\'eb\'ff \'f6\'e5\'eb\'e5\'e9 \'f4\'ee\'f0\'ec\'e8\'f0\'ee\'e2\'e0\'ed\'e8\'ff \'f</w:t>
      </w:r>
      <w:r w:rsidRPr="005A1F79">
        <w:rPr>
          <w:rFonts w:ascii="Courier New" w:hAnsi="Courier New" w:cs="Courier New"/>
        </w:rPr>
        <w:t>0\'e5\'e7\'e5\'f0\'e2\'ee\'e2 \'ed\'e0 \'ec\'ee\'ec\'e5\'ed\'f2 \'e7\'e0\'ea\'eb\'fe\'f7\'e5\'ed\'e8\'ff \'f1\'e4\'e5\'eb\'ea\'e8). \'d3\'ef\'eb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7\'e8\'e2\'e0\'e5\'f2\'f1\'ff \'e4\'ee \'ef\'e5\'f0\'e2\'ee\'e3\'ee \'e8\'f1\'ef\'ee\'eb\'fc\'e7\'ee\'e</w:t>
      </w:r>
      <w:r w:rsidRPr="005A1F79">
        <w:rPr>
          <w:rFonts w:ascii="Courier New" w:hAnsi="Courier New" w:cs="Courier New"/>
        </w:rPr>
        <w:t xml:space="preserve">2\'e0\'ed\'e8\'ff \'f1\'f0\'e5\'e4\'f1\'f2\'e2 \'ef\'ee \'ea\'f0\'e5\'e4\'e8\'f2\'ed\'ee\'e9 \'f1\'e4\'e5\'eb\'ea\'e5.}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\b\fs22\expnd4\expndtw20\insrsid126125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0\qj \fi5</w:t>
      </w:r>
      <w:r w:rsidRPr="005A1F79">
        <w:rPr>
          <w:rFonts w:ascii="Courier New" w:hAnsi="Courier New" w:cs="Courier New"/>
        </w:rPr>
        <w:t xml:space="preserve">67\li0\ri0\widctlpar\wrapdefault\aspalpha\aspnum\faauto\adjustright\rin0\lin0\itap0\pararsid1261250 \rtlch\fcs1 \af0\afs20\alang1025 \ltrch\fcs0 \fs22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b\af0\afs22 \ltrch\fcs0 \b\expnd4\expn</w:t>
      </w:r>
      <w:r w:rsidRPr="005A1F79">
        <w:rPr>
          <w:rFonts w:ascii="Courier New" w:hAnsi="Courier New" w:cs="Courier New"/>
        </w:rPr>
        <w:t>dtw20\insrsid1261250\charrsid13642871 \'d8\'f2\'f0\'e0\'f4 \'e2 \'f0\'e0\'e7\'ec\'e5\'f0\'e5\~0.01% \'ee\'f2 \'f1\'f3\'ec\'ec\'fb \'ee\'f1\'f2\'e0\'f2\'ea\'e0 \'ee\'f1\'ed\'ee\'e2\'ed\'ee\'e3\'ee \'e4\'ee\'eb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ef\'ee \'ea\'f0\'e5\'e4\'e8\'f2\'ed</w:t>
      </w:r>
      <w:r w:rsidRPr="005A1F79">
        <w:rPr>
          <w:rFonts w:ascii="Courier New" w:hAnsi="Courier New" w:cs="Courier New"/>
        </w:rPr>
        <w:t xml:space="preserve">\'ee\'ec\'f3 \'f1\'ee\'e3\'eb\'e0\'f8\'e5\'ed\'e8\'fe, \'f1\'eb\'ee\'e6\'e8\'e2\'f8\'e5\'e3\'ee\'f1\'ff \'ed\'e0 \'ec\'ee\'ec\'e5\'ed\'f2 \'e2\'fb\'ff\'e2\'eb\'e5\'ed\'e8\'ff \'ed\'e0\'f0\'f3\'f8\'e5\'ed\'e8\'ff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 \'f1\'eb\'f3\'f7\'e0\'e5 \'ed\'e5\'e</w:t>
      </w:r>
      <w:r w:rsidRPr="005A1F79">
        <w:rPr>
          <w:rFonts w:ascii="Courier New" w:hAnsi="Courier New" w:cs="Courier New"/>
        </w:rPr>
        <w:t xml:space="preserve">8\'f1\'ef\'ee\'eb\'ed\'e5\'ed\'e8\'ff\\\'ed\'e5\'ed\'e0\'e4\'eb\'e5\'e6\'e0\'f9\'e5\'e3\'ee \'e8\'f1\'ef\'ee\'eb\'ed\'e5\'ed\'e8\'ff \'e7\'e0\'e5\'ec\'f9\'e8\'ea\'ee\'ec \'f4\'e8\'ed\'e0\'ed\'f1\'ee\'e2\'fb\'f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a\'ee\'e2\'e5\'ed\'e0\'ed\'f2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</w:t>
      </w:r>
      <w:r w:rsidRPr="005A1F79">
        <w:rPr>
          <w:rFonts w:ascii="Courier New" w:hAnsi="Courier New" w:cs="Courier New"/>
        </w:rPr>
        <w:t>listtext\pard\plain\ltrpar \rtlch\fcs1 \af0\afs22 \ltrch\fcs0 \f3\fs22\insrsid1261250\charrsid13642871 \loch\af3\dbch\af0\hich\f3 \'b7\tab}}\pard\plain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j \fi-360\li720\ri0\nowidctlpar\wrapdefault\aspalpha\aspnum\faauto\ls17\adjustright\rin0\lin7</w:t>
      </w:r>
      <w:r w:rsidRPr="005A1F79">
        <w:rPr>
          <w:rFonts w:ascii="Courier New" w:hAnsi="Courier New" w:cs="Courier New"/>
        </w:rPr>
        <w:t xml:space="preserve">20\itap0\pararsid1261250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261250\charrsid13642871 \'ed\'e5\'f3\'f1\'f2\'ee\'e9\'ea\'e0 \'e2 \'f0\'e0\'e7</w:t>
      </w:r>
      <w:r w:rsidRPr="005A1F79">
        <w:rPr>
          <w:rFonts w:ascii="Courier New" w:hAnsi="Courier New" w:cs="Courier New"/>
        </w:rPr>
        <w:t>\'ec\'e5\'f0\'e5 1/365 \'ec\'e0\'ea\'f1\'e8\'ec\'e0\'eb\'fc\'ed\'ee\'e9 \'ef\'f0\'ee\'f6\'e5\'ed\'f2\'ed\'ee\'e9 \'f1\'f2\'e0\'e2\'ea\'e8 \'ee\'f2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ec\'ec\'fb \'ef\'f0\'ee\'f1\'f0\'ee\'f7\'e5\'ed\'ed\'ee\'e9 \'e7\'e0\'e4\'ee\'eb\'e6\'e5\'ed\'ed\</w:t>
      </w:r>
      <w:r w:rsidRPr="005A1F79">
        <w:rPr>
          <w:rFonts w:ascii="Courier New" w:hAnsi="Courier New" w:cs="Courier New"/>
        </w:rPr>
        <w:t>'ee\'f1\'f2\'e8 \'ef\'ee \'ce\'f1\'ed\'ee\'e2\'ed\'ee\'ec\'f3 \'e4\'ee\'eb\'e3\'f3 \'e7\'e0 \'ea\'e0\'e6\'e4\'fb\'e9 \'e4\'e5\'ed\'fc \'ef\'f0\'ee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e\'f7\'ea\'e8, \'ed\'e0\'f7\'e8\'f1\'eb\'ff\'e5\'ec\'e0\'ff \'e2 \'f1\'eb\'f3\'f7\'e0\'e5 \'e2\'e</w:t>
      </w:r>
      <w:r w:rsidRPr="005A1F79">
        <w:rPr>
          <w:rFonts w:ascii="Courier New" w:hAnsi="Courier New" w:cs="Courier New"/>
        </w:rPr>
        <w:t xml:space="preserve">e\'e7\'ed\'e8\'ea\'ed\'ee\'e2\'e5\'ed\'e8\'ff \'ef\'f0\'ee\'f1\'f0\'ee\'f7\'e5\'ed\'ed\'ee\'e9 \'e7\'e0\'e4\'ee\'eb\'e6\'e5\'ed\'ed\'ee\'f1\'f2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f\'ee \'ce\'f1\'ed\'ee\'e2\'ed\'ee\'ec\'f3 \'e4\'ee\'eb\'e3\'f3;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</w:t>
      </w:r>
      <w:r w:rsidRPr="005A1F79">
        <w:rPr>
          <w:rFonts w:ascii="Courier New" w:hAnsi="Courier New" w:cs="Courier New"/>
        </w:rPr>
        <w:t>tlch\fcs1 \af0\afs22 \ltrch\fcs0 \f3\fs22\insrsid1261250\charrsid13642871 \loch\af3\dbch\af0\hich\f3 \'b7\tab}}\pard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j \fi-360\li720\ri0\widctlpar\wrapdefault\aspalpha\aspnum\faauto\ls17\adjustright\rin0\lin720\itap0\pararsid1261250 {\rtlch\fcs1</w:t>
      </w:r>
      <w:r w:rsidRPr="005A1F79">
        <w:rPr>
          <w:rFonts w:ascii="Courier New" w:hAnsi="Courier New" w:cs="Courier New"/>
        </w:rPr>
        <w:t xml:space="preserve"> \af0\afs22 \ltrch\fcs0 \fs22\insrsid1261250\charrsid13642871 \'ed\'e5\'f3\'f1\'f2\'ee\'e9\'ea\'e0 \'e2 2/365 \'ec\'e0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e8\'ec\'e0\'eb\'fc\'ed\'ee\'e9 \'ef\'f0\'ee\'f6\'e5\'ed\'f2\'ed\'ee\'e9 \'f1\'f2\'e0\'e2\'ea\'e8 \'ee\'f2 \'f1\'f3\'ec\'ec\'fb</w:t>
      </w:r>
      <w:r w:rsidRPr="005A1F79">
        <w:rPr>
          <w:rFonts w:ascii="Courier New" w:hAnsi="Courier New" w:cs="Courier New"/>
        </w:rPr>
        <w:t xml:space="preserve"> \'ef\'f0\'ee\'f1\'f0\'ee\'f7\'e5\'ed\'ed\'ee\'e9 \'e7\'e0\'e4\'ee\'eb\'e6\'e5\'ed\'ed\'ee\'f1\'f2\'e8 \'ef\'ee \'ef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f6\'e5\'ed\'f2\'e0\'ec/\'ea\'ee\'ec\'e8\'f1\'f1\'e8\'ff\'ec \'e7\'e0 \'ea\'e0\'e6\'e4\'fb\'e9 \'e4\'e5\'ed\'fc \'ef\'f0\'ee\'f1\</w:t>
      </w:r>
      <w:r w:rsidRPr="005A1F79">
        <w:rPr>
          <w:rFonts w:ascii="Courier New" w:hAnsi="Courier New" w:cs="Courier New"/>
        </w:rPr>
        <w:t>'f0\'ee\'f7\'ea\'e8, \'ed\'e0\'f7\'e8\'f1\'eb\'ff\'e5\'ec\'e0\'ff \'e2 \'f1\'eb\'f3\'f7\'e0\'e5 \'e2\'ee\'e7\'ed\'e8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e2\'e5\'ed\'e8\'ff \'ef\'f0\'ee\'f1\'f0\'ee\'f7\'e5\'ed\'ed\'ee\'e9 \'e7\'e0\'e4\'ee\'eb\'e6\'e5\'ed\'ed\'ee\'f1\'f2\'e8 \'e</w:t>
      </w:r>
      <w:r w:rsidRPr="005A1F79">
        <w:rPr>
          <w:rFonts w:ascii="Courier New" w:hAnsi="Courier New" w:cs="Courier New"/>
        </w:rPr>
        <w:t>f\'ee \'ef\'f0\'ee\'f6\'e5\'ed\'f2\'e0\'ec/\'ea\'ee\'ec\'e8\'f1\'f1\'e8\'e8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3\fs22\insrsid1261250\charrsid13642871 \loch\af3\dbch\af0\hich\f3 \'b7\tab}\'ed\'e5\'f3\'f1\'f2\'ee\'e9\'ea</w:t>
      </w:r>
      <w:r w:rsidRPr="005A1F79">
        <w:rPr>
          <w:rFonts w:ascii="Courier New" w:hAnsi="Courier New" w:cs="Courier New"/>
        </w:rPr>
        <w:t>\'e0 \'e2 \'f0\'e0\'e7\'ec\'e5\'f0\'e5 1/365 \'ec\'e0\'ea\'f1\'e8\'ec\'e0\'e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e9 \'ef\'f0\'ee\'f6\'e5\'ed\'f2\'ed\'ee\'e9 \'f1\'f2\'e0\'e2\'ea\'e8 \'ee\'f2 \'f1\'f3\'ec\'ec\'fb \'ed\'e5\'e8\'f1\'ef\'ee\'eb\'ed\'e5\'ed\'ed\'ee\'e3\'ee \'e8\'e</w:t>
      </w:r>
      <w:r w:rsidRPr="005A1F79">
        <w:rPr>
          <w:rFonts w:ascii="Courier New" w:hAnsi="Courier New" w:cs="Courier New"/>
        </w:rPr>
        <w:t>b\'e8 \'ed\'e5\'ed\'e0\'e4\'eb\'e5\'e6\'e0\'f9\'e8\'ec \'ee\'e1\'f0\'e0\'e7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 \'e8\'f1\'ef\'ee\'eb\'ed\'e5\'ed\'ed\'ee\'e3\'ee \'ee\'e1\'ff\'e7\'e0\'f2\'e5\'eb\'fc\'f1\'f2\'e2\'e0 \'e7\'e0 \'ea\'e0\'e6\'e4\'fb\'e9 \'e4\'e5\'ed\'fc \'ef\'f0\'ee\'f1\</w:t>
      </w:r>
      <w:r w:rsidRPr="005A1F79">
        <w:rPr>
          <w:rFonts w:ascii="Courier New" w:hAnsi="Courier New" w:cs="Courier New"/>
        </w:rPr>
        <w:t xml:space="preserve">'f0\'ee\'f7\'ea\'e8,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expnd4\expndtw20\insrsid1261250\charrsid13642871  \'e2 \'f1\'eb\'f3\'f7\'e0\'e5 \'ed\'e5\'e8\'f1\'ef\'ee\'eb\'ed\'e5\'ed\'e8\'ff \'e8\'eb\'e8 \'ed\'e5\'ed\'e0\'e4\'eb\'e5\'e6\'e0\'f9\'e5\'</w:t>
      </w:r>
      <w:r w:rsidRPr="005A1F79">
        <w:rPr>
          <w:rFonts w:ascii="Courier New" w:hAnsi="Courier New" w:cs="Courier New"/>
        </w:rPr>
        <w:t>e3\'ee \'e8\'f1\'ef\'ee\'eb\'ed\'e5\'ed\'e8\'ff \'cf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f7\'e8\'f2\'e5\'eb\'e5\'ec \'e4\'e5\'ed\'e5\'e6\'ed\'fb\'f5 \'ee\'e1\'ff\'e7\'e0\'f2\'e5\'eb\'fc\'f1\'f2\'e2 \'ef\'ee \'c4\'ee\'e3\'ee\'e2\'ee\'f0\'f3 \'ef\'ee\'f0\'f3\'f7\'e8\'f2\'e5\'eb\</w:t>
      </w:r>
      <w:r w:rsidRPr="005A1F79">
        <w:rPr>
          <w:rFonts w:ascii="Courier New" w:hAnsi="Courier New" w:cs="Courier New"/>
        </w:rPr>
        <w:t>'fc\'f1\'f2\'e2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261250 {\rtlch\fcs1 \ab\af0\afs22 \ltrch\fcs0 \fs22\expnd4\expndtw20\insrsid1261250\charrsid13642871 \'c8\'ed\'fb\'e5 \'e</w:t>
      </w:r>
      <w:r w:rsidRPr="005A1F79">
        <w:rPr>
          <w:rFonts w:ascii="Courier New" w:hAnsi="Courier New" w:cs="Courier New"/>
        </w:rPr>
        <w:t>a\'ee\'ec\'e8\'f1\'f1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, \'ed\'e0\'e4\'e1\'e0\'e2\'ea\'e8 \'ea \'ef\'f0\'ee\'f6\'e5\'ed\'f2\'ed\'ee\'e9 \'f1\'f2\'e0\'e2\'ea\'e5 \'e8 \'f1\'e0\'ed\'ea\'f6\'e8\'e8 (\'ed\'e5\'f3\'f1\'f2\'ee\'e9\'ea\'e8, \'f8\'f2\'f0\'e0\'f4\'fb, \'ef\'e5\'ed\'e8 \'e</w:t>
      </w:r>
      <w:r w:rsidRPr="005A1F79">
        <w:rPr>
          <w:rFonts w:ascii="Courier New" w:hAnsi="Courier New" w:cs="Courier New"/>
        </w:rPr>
        <w:t>8 \'f2.\'e4.), \'ef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4\'f3\'f1\'ec\'ee\'f2\'f0\'e5\'ed\'ed\'fb\'e5 \'ea\'f0\'e5\'e4\'e8\'f2\'ed\'fb\'ec \'f1\'ee\'e3\'eb\'e0\'f8\'e5\'ed\'e8\'e5\'ec \'e8 \'e4\'ee\'e3\'ee\'e2\'ee\'f0\'ee\'ec \'ef\'ee\'f0\'f3\'f7\'e8\'f2\'e5\'eb\'fc\'f1\'f2\'e2\'</w:t>
      </w:r>
      <w:r w:rsidRPr="005A1F79">
        <w:rPr>
          <w:rFonts w:ascii="Courier New" w:hAnsi="Courier New" w:cs="Courier New"/>
        </w:rPr>
        <w:t xml:space="preserve">e0.   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f0\afs22 \ltrch\fcs0 \fs22\insrsid126125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8323676 {\rtlch\fcs1 \af0\afs22 \ltrch\fcs0 \b\fs22\cf6\in</w:t>
      </w:r>
      <w:r w:rsidRPr="005A1F79">
        <w:rPr>
          <w:rFonts w:ascii="Courier New" w:hAnsi="Courier New" w:cs="Courier New"/>
        </w:rPr>
        <w:t xml:space="preserve">srsid8323676\charrsid500060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0425814\contextualspace {\rtlch\fcs1 \ab\af0\afs22 \ltrch\fcs0 \b\fs22\insrsid1991179\charrsid538368 \'c2\'ee\'</w:t>
      </w:r>
      <w:r w:rsidRPr="005A1F79">
        <w:rPr>
          <w:rFonts w:ascii="Courier New" w:hAnsi="Courier New" w:cs="Courier New"/>
        </w:rPr>
        <w:t xml:space="preserve">ef\'f0\'ee\'f1 \'b9 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b\af0\afs22 \ltrch\fcs0 \b\fs22\insrsid1991179 6}{\rtlch\fcs1 \ab\af0\afs22 \ltrch\fcs0 \b\fs22\insrsid1991179\charrsid538368  \'ef\'ee\'e2\'e5\'f1\'f2\'ea\'e8 \'e4\'ed\'ff \'ee\'e1\'f9\'e5\'e3\'ee \'f1\'ee\'e1\'f0\'e0</w:t>
      </w:r>
      <w:r w:rsidRPr="005A1F79">
        <w:rPr>
          <w:rFonts w:ascii="Courier New" w:hAnsi="Courier New" w:cs="Courier New"/>
        </w:rPr>
        <w:t xml:space="preserve">\'ed\'e8\'ff: 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10425814\charrsid7568469 \'ce\'e1 \'ee\'e4\'ee\'e1\'f0\'e5\'ed\'e8\'e8 \'f1\'e4\'e5\'eb\'ea\'e8, \'f1\'ee\'e2\'e5\'f0\'f8\'e0\'e5\'ec\'ee\'e9 \'f1 \'e7\'e0\'e8\'ed\'f2\'e5\'f0\'e5\'f1\'ee\'e</w:t>
      </w:r>
      <w:r w:rsidRPr="005A1F79">
        <w:rPr>
          <w:rFonts w:ascii="Courier New" w:hAnsi="Courier New" w:cs="Courier New"/>
        </w:rPr>
        <w:t>2\'e0\'ed\'ed\'ee\'f1\'f2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e \endash  \'e4\'ee\'e3\'ee\'e2\'ee\'f0\'e0 \'ef\'ee\'f0\'f3\'f7\'e8\'f2\'e5\'eb\'fc\'f1\'f2\'e2\'e0 \'b9\'c4\'cf2-\'d6\'d3-702750/2021/00037 \'ee\'f2 01.07.2021 \'e3. \'ec\'e5\'e6\'e4\'f3 \'c0\'ce \'ab\'d2\'e5\'f0\'ec\'e8</w:t>
      </w:r>
      <w:r w:rsidRPr="005A1F79">
        <w:rPr>
          <w:rFonts w:ascii="Courier New" w:hAnsi="Courier New" w:cs="Courier New"/>
        </w:rPr>
        <w:t>\'ed\'e0\'eb \'c0\'f1\'f2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4\'fc\'e5\'e2\'e0\'bb (\'c8\'cd\'cd 2508001618) \'e8 \'c1\'e0\'ed\'ea\'ee\'ec \'c2\'d2\'c1 (\'ef\'f3\'e1\'eb\'e8\'f7\'ed\'ee\'e5 \'e0\'ea\'f6\'e8\'ee\'ed\'e5\'f0\'ed\'ee\'e5 \'ee\'e1\'f9\'e5\'f1\'f2\'e2\'ee) \'ef\'ee \'ea\</w:t>
      </w:r>
      <w:r w:rsidRPr="005A1F79">
        <w:rPr>
          <w:rFonts w:ascii="Courier New" w:hAnsi="Courier New" w:cs="Courier New"/>
        </w:rPr>
        <w:t>'f0\'e5\'e4\'e8\'f2\'ed\'f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 \'ee\'e1\'ff\'e7\'e0\'f2\'e5\'eb\'fc\'f1\'f2\'e2\'e0\'ec \'c0\'ce \'ab\'c4\'c0\'cb\'dc\'ca\'ce\'cc\'d5\'ce\'cb\'ce\'c4\'bb (\'c8\'cd\'cd 2537003955), \'e2\'ee\'e7\'ed\'e8\'ea\'e0\'fe\'f9\'e8\'ec \'e8\'e7 \'ea\'f0\'e5\'e4\'</w:t>
      </w:r>
      <w:r w:rsidRPr="005A1F79">
        <w:rPr>
          <w:rFonts w:ascii="Courier New" w:hAnsi="Courier New" w:cs="Courier New"/>
        </w:rPr>
        <w:t>e8\'f2\'ed\'ee\'e3\'ee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3\'eb\'e0\'f8\'e5\'ed\'e8\'ff \'b9 \'ca\'d1-\'d6\'d3-702750/2021/00037 \'ee\'f2 01.07.2021 \'e3. \'ec\'e5\'e6\'e4\'f3 \'c0\'ce \'ab\'c4\'c0\'cb\'dc\'ca\'ce\'cc\'d5\'ce\'cb\'ce\'c4\'bb (\'c8\'cd\'cd 2537003955) \'e8 \'c1\</w:t>
      </w:r>
      <w:r w:rsidRPr="005A1F79">
        <w:rPr>
          <w:rFonts w:ascii="Courier New" w:hAnsi="Courier New" w:cs="Courier New"/>
        </w:rPr>
        <w:t>'e0\'ed\'ea\'ee\'ec \'c2\'d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1 (\'cf\'c0\'ce) \endash  \'ea\'f0\'e5\'e4\'e8\'f2\'ed\'ee\'e9 \'eb\'e8\'ed\'e8\'e8 \'f1 \'eb\'e8\'ec\'e8\'f2\'ee\'ec \'e2\'fb\'e4\'e0\'f7\'e8 \'e2 \'f1\'f3\'ec\'ec\'e5 300 \'ec\'eb\'ed. \'f0\'f3\'e1\'eb\'e5\'e9 \'f1\'f0\'e</w:t>
      </w:r>
      <w:r w:rsidRPr="005A1F79">
        <w:rPr>
          <w:rFonts w:ascii="Courier New" w:hAnsi="Courier New" w:cs="Courier New"/>
        </w:rPr>
        <w:t xml:space="preserve">e\'ea\'ee\'ec \'e4\'ee 109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d\'e5\'e9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8\qj \li0\ri0\widctlpar\wrapdefault\aspalpha\aspnum\faauto\adjustright\rin0\lin0\itap0\pararsid3619701 \rtlch\fcs1 \af0\afs20\alang1025 \ltrch\fcs0 \fs24\lang1049\langfe1049\cgrid</w:t>
      </w:r>
      <w:r w:rsidRPr="005A1F79">
        <w:rPr>
          <w:rFonts w:ascii="Courier New" w:hAnsi="Courier New" w:cs="Courier New"/>
        </w:rPr>
        <w:t xml:space="preserve">\langnp1049\langfenp1049 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\b\fs22\insrsid199117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aspalpha\aspnum\faauto\adjustright\rin0\lin0\itap0\pararsid8323676 \rtlch\fcs1 \af0\afs20\alang1025 \ltrc</w:t>
      </w:r>
      <w:r w:rsidRPr="005A1F79">
        <w:rPr>
          <w:rFonts w:ascii="Courier New" w:hAnsi="Courier New" w:cs="Courier New"/>
        </w:rPr>
        <w:t xml:space="preserve">h\fcs0 \fs20\lang1049\langfe1049\cgrid\langnp1049\langfenp1049 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s22\insrsid472349\charrsid538368 \'d0\'e5\'e7\'f3\'eb\'fc\'f2\'e0\'f2\'fb \'e3\'ee\'eb\'ee\'f1\'ee\'e2\'e0\'ed\'e8\'ff}{\rtlch\fcs1 \af0\afs22 \ltrc</w:t>
      </w:r>
      <w:r w:rsidRPr="005A1F79">
        <w:rPr>
          <w:rFonts w:ascii="Courier New" w:hAnsi="Courier New" w:cs="Courier New"/>
        </w:rPr>
        <w:t xml:space="preserve">h\fcs0 \b\fs22\insrsid472349\charrsid538368 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b\fs22\insrsid8323676\charrsid538368 \'ef\'ee }{\rtlch\fcs1 \af0\afs22 \ltrch\fcs0 \b\fs22\insrsid8323676 \'f8\'e5\'f1\'f2\'ee\'ec\'f3}{\rtlch\fcs1 \af0\afs22 \ltrch\fcs0 </w:t>
      </w:r>
      <w:r w:rsidRPr="005A1F79">
        <w:rPr>
          <w:rFonts w:ascii="Courier New" w:hAnsi="Courier New" w:cs="Courier New"/>
        </w:rPr>
        <w:t>\b\fs22\insrsid8323676\charrsid538368  \'e2\'ee\'ef\'f0\'ee\'f1\'f3 \'ef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f1\'f2\'ea\'e8 \'e4\'ed\'ff:}{\rtlch\fcs1 \af0\afs22 \ltrch\fcs0 \b\fs22\cf6\insrsid8323676\charrsid538368  }{\rtlch\fcs1 \af0\afs22 \ltrch\fcs0 \b\fs22\cf6\insrsid8323</w:t>
      </w:r>
      <w:r w:rsidRPr="005A1F79">
        <w:rPr>
          <w:rFonts w:ascii="Courier New" w:hAnsi="Courier New" w:cs="Courier New"/>
        </w:rPr>
        <w:t xml:space="preserve">67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sb120\widctlpar\tx4536\wrapdefault\aspalpha\aspnum\faauto\adjustright\rin0\lin0\itap0\pararsid10425814 {\rtlch\fcs1 \af0\afs22 \ltrch\fcs0 \fs22\insrsid10425814\charrsid2451716 \'d7\'e8\'f1\'eb\'ee \'e3\'ee\'eb\'ee\'f1</w:t>
      </w:r>
      <w:r w:rsidRPr="005A1F79">
        <w:rPr>
          <w:rFonts w:ascii="Courier New" w:hAnsi="Courier New" w:cs="Courier New"/>
        </w:rPr>
        <w:t xml:space="preserve">\'ee\'e2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e\'f2\'ee\'f0\'fb\'ec\'e8 \'ee\'e1\'eb\'e0\'e4\'e0\'eb\'e8 \'eb\'e8\'f6\'e0, \'e2\'ea\'eb\'fe\'f7\'e5\'ed\'ed\'fb\'e5 \'e2 \'f1\'ef\'e8\'f1\'ee\'ea \'eb\'e8\'f6, \'e8\'ec\'e5\'e2\'f8\'e8\'f5 \'ef\'f0\'e0\'e2\'ee \'ed\'e0 \'f3\'f7\'e0\'f1</w:t>
      </w:r>
      <w:r w:rsidRPr="005A1F79">
        <w:rPr>
          <w:rFonts w:ascii="Courier New" w:hAnsi="Courier New" w:cs="Courier New"/>
        </w:rPr>
        <w:t>\'f2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2  \'ee\'e1\'f9\'e5\'ec \'f1\'ee\'e1\'f0\'e0\'ed\'e8\'e8 \'e0\'ea\'f6\'e8\'ee\'ed\'e5\'f0\'ee\'e2, \'ef\'ee \'e4\'e0\'ed\'ed\'ee\'ec\'f3 \'e2\'ee\'ef\'f0\'ee\'f1\'f3 \'ef\'ee\'e2\'e5\'f1\'f2\'ea\'e8 \'e4\'ed\'ff \'ee\'e1\'f9\'e5\'e3\'ee \</w:t>
      </w:r>
      <w:r w:rsidRPr="005A1F79">
        <w:rPr>
          <w:rFonts w:ascii="Courier New" w:hAnsi="Courier New" w:cs="Courier New"/>
        </w:rPr>
        <w:t>'f1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1\'f0\'e0\'ed\'e8\'ff, -  830 380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f\'f0\'e8\'f5\'ee\'e4\'e8\'e2\'f8\'e8\'f5\'f1\'ff \'ed\'e0 \'e3\'ee\'eb\'ee\'f1\'f3\'fe\'f9\'e8\'e5 \'e0\'ea\'f6\'e8\'e8 \'ee\'e1\'f9\'e5\'f1\'f2\'e</w:t>
      </w:r>
      <w:r w:rsidRPr="005A1F79">
        <w:rPr>
          <w:rFonts w:ascii="Courier New" w:hAnsi="Courier New" w:cs="Courier New"/>
        </w:rPr>
        <w:t>2\'e0, \'ef\'ee \'e4\'e0\'ed\'ed\'ee\'ec\'f3 \'e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e\'f1\'f3 \'ef\'ee\'e2\'e5\'f1\'f2\'ea\'e8 \'e4\'ed\'ff \'ee\'e1\'f9\'e5\'e3\'ee \'f1\'ee\'e1\'f0\'e0\'ed\'e8\'ff, \'ee\'ef\'f0\'e5\'e4\'e5\'eb\'e5\'ed\'ed\'ee\'e5 \'f1 \'f3\'f7\'e5\'f2\'ee\</w:t>
      </w:r>
      <w:r w:rsidRPr="005A1F79">
        <w:rPr>
          <w:rFonts w:ascii="Courier New" w:hAnsi="Courier New" w:cs="Courier New"/>
        </w:rPr>
        <w:t>'ec \'f2\'f0\'e5\'e1\'ee\'e2\'e0\'ed\'e8\'e9 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. 4.24. \'cf\'ee\'eb\'ee\'e6\'e5\'ed\'e8\'e5 \'c1\'e0\'ed\'ea\'e0 \'d0\'ee\'f1\'f1\'e8\'e8 \'b9 660-\'cf \'ee\'f2 16.11.2018\'e3. \'ab\'ce\'e1 \'ee\'e1\'f9\'e8\'f5 \'f1\'ee\'e1\'f0\'e0\'ed\'e8\'ff\'f5 \'e0</w:t>
      </w:r>
      <w:r w:rsidRPr="005A1F79">
        <w:rPr>
          <w:rFonts w:ascii="Courier New" w:hAnsi="Courier New" w:cs="Courier New"/>
        </w:rPr>
        <w:t xml:space="preserve">\'ea\'f6\'e8\'ee\'ed\'e5\'f0\'ee\'e2\'bb, \endash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}{\rtlch\fcs1 \af0\afs22 \ltrch\fcs0 \fs22\insrsid10425814\charrsid5180846 377\~387.}{\rtlch\fcs1 \af0\afs22 \ltrch\fcs0 \fs22\insrsid10425814\charrsid245171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</w:t>
      </w:r>
      <w:r w:rsidRPr="005A1F79">
        <w:rPr>
          <w:rFonts w:ascii="Courier New" w:hAnsi="Courier New" w:cs="Courier New"/>
        </w:rPr>
        <w:t>\'f1\'ee\'e2, \'ea\'ee\'f2\'ee\'f0\'fb\'ec\'e8 \'ee\'e1\'eb\'e0\'e4\'e0\'eb\'e8 \'eb\'e8\'f6\'e0, }{\rtlch\fcs1 \af0\afs22 \ltrch\fcs0 \fs22\insrsid10425814 \'ed\'e5 \'e7\'e0\'e8\'ed\'f2\'e5\'f0\'e5\'f1\'ee\'e2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fb\'e5 \'e2 \'f1\'ee\'e2\'e5\'</w:t>
      </w:r>
      <w:r w:rsidRPr="005A1F79">
        <w:rPr>
          <w:rFonts w:ascii="Courier New" w:hAnsi="Courier New" w:cs="Courier New"/>
        </w:rPr>
        <w:t>f0\'f8\'e5\'ed\'e8\'e8 \'ee\'e1\'f9\'e5\'f1\'f2\'e2\'ee\'ec \'f1\'e4\'e5\'eb\'ea\'e8,  }{\rtlch\fcs1 \af0\afs22 \ltrch\fcs0 \fs22\insrsid10425814\charrsid2451716 \'ef\'f0\'e8\'ed\'ff\'e2\'f8\'e8\'e5 \'f3\'f7\'e0\'f1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5  \'e2 \'ee\'e1\'f9\'e5\'ec</w:t>
      </w:r>
      <w:r w:rsidRPr="005A1F79">
        <w:rPr>
          <w:rFonts w:ascii="Courier New" w:hAnsi="Courier New" w:cs="Courier New"/>
        </w:rPr>
        <w:t xml:space="preserve">  \'f1\'ee\'e1\'f0\'e0\'ed\'e8\'e8, \'ef\'ee \'e4\'e0\'ed\'ed\'ee\'ec\'f3 \'e2\'ee\'ef\'f0\'ee\'f1\'f3 \'ef\'ee\'e2\'e5\'f1\'f2\'ea\'e8 \'e4\'ed\'ff \'f1\'ee\'e1\'f0\'e0\'ed\'e8\'ff,  - 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0425814 288 931}{</w:t>
      </w:r>
      <w:r w:rsidRPr="005A1F79">
        <w:rPr>
          <w:rFonts w:ascii="Courier New" w:hAnsi="Courier New" w:cs="Courier New"/>
        </w:rPr>
        <w:t xml:space="preserve">\rtlch\fcs1 \af0\afs22 \ltrch\fcs0 \fs22\insrsid10425814\charrsid2451716 .}{\rtlch\fcs1 \af0\afs22 \ltrch\fcs0 \fs22\insrsid10425814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x4536\wrapdefault\aspalpha\aspnum\faauto\adjustright\rin0\lin0\itap0\pararsid1</w:t>
      </w:r>
      <w:r w:rsidRPr="005A1F79">
        <w:rPr>
          <w:rFonts w:ascii="Courier New" w:hAnsi="Courier New" w:cs="Courier New"/>
        </w:rPr>
        <w:t>0425814 {\rtlch\fcs1 \af0\afs22 \ltrch\fcs0 \fs22\insrsid10425814\charrsid2451716 \'ca\'e2\'ee\'f0\'f3\'ec \'ef\'ee \'e4\'e0\'ed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f3 \'e2\'ee\'ef\'f0\'ee\'f1\'f3 \'ef\'ee\'e2\'e5\'f1\'f2\'ea\'e8 \'e4\'ed\'ff \'e8\'ec\'e5}{\rtlch\fcs1 \af0\afs</w:t>
      </w:r>
      <w:r w:rsidRPr="005A1F79">
        <w:rPr>
          <w:rFonts w:ascii="Courier New" w:hAnsi="Courier New" w:cs="Courier New"/>
        </w:rPr>
        <w:t>22 \ltrch\fcs0 \fs22\insrsid10425814 \'eb\'f1\'ff}{\rtlch\fcs1 \af0\afs22 \ltrch\fcs0 \fs22\insrsid10425814\charrsid2451716 .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f0\afs22 \ltrch\fcs0 \fs22\insrsid10425814\charrsid1287735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s22\ins</w:t>
      </w:r>
      <w:r w:rsidRPr="005A1F79">
        <w:rPr>
          <w:rFonts w:ascii="Courier New" w:hAnsi="Courier New" w:cs="Courier New"/>
        </w:rPr>
        <w:t xml:space="preserve">rsid10425814\charrsid245171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4\qj \li0\ri0\widctlpar\tx4536\wrapdefault\aspalpha\aspnum\faauto\adjustright\rin0\lin0\itap0\pararsid10425814 \rtlch\fcs1 \af0\afs20\alang1025 \ltrch\fcs0 \fs24\lang1049\langfe1049\cgrid\langnp104</w:t>
      </w:r>
      <w:r w:rsidRPr="005A1F79">
        <w:rPr>
          <w:rFonts w:ascii="Courier New" w:hAnsi="Courier New" w:cs="Courier New"/>
        </w:rPr>
        <w:t xml:space="preserve">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10425814\charrsid2451716 \'d7\'e8\'f1\'eb\'ee \'e3\'ee\'eb\'ee\'f1\'ee\'e2, \'ee\'f2\'e4\'e0\'ed\'ed\'fb\'f5 \'e7\'e0 \'ea\'e0\'e6\'e4\'fb\'e9 \'e8\'e7 \'e2\'e0\'f0\'e8\'e0\'ed\'f2\'ee\'e2 \</w:t>
      </w:r>
      <w:r w:rsidRPr="005A1F79">
        <w:rPr>
          <w:rFonts w:ascii="Courier New" w:hAnsi="Courier New" w:cs="Courier New"/>
        </w:rPr>
        <w:t>'e3\'ee\'eb\'ee\'f1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d\'e8\'ff \'ef\'ee \'e4\'e0\'ed\'ed\'ee\'ec\'f3 \'e2\'ee\'ef\'f0\'ee\'f1\'f3 \'ef\'ee\'e2\'e5\'f1\'f2\'ea\'e8 \'e4\'ed\'ff \'f1\'ee\'e1\'f0\'e0\'ed\'e8\'ff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fi709\li0\ri0\widctlpar\wrapdefa</w:t>
      </w:r>
      <w:r w:rsidRPr="005A1F79">
        <w:rPr>
          <w:rFonts w:ascii="Courier New" w:hAnsi="Courier New" w:cs="Courier New"/>
        </w:rPr>
        <w:t xml:space="preserve">ult\aspalpha\aspnum\faauto\adjustright\rin0\lin0\itap0\pararsid10425814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0425814\charrsid10425814 \'ab\'</w:t>
      </w:r>
      <w:r w:rsidRPr="005A1F79">
        <w:rPr>
          <w:rFonts w:ascii="Courier New" w:hAnsi="Courier New" w:cs="Courier New"/>
        </w:rPr>
        <w:t>e7\'e0\'bb -  288 904;     \'ab\'ef\'f0\'ee\'f2\'e8\'e2\'bb -  0;     \'ab\'e2\'ee\'e7\'e4\'e5\'f0\'e6\'e0\'eb\'f1\'ff\'bb - 0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8323676 {\rtlc</w:t>
      </w:r>
      <w:r w:rsidRPr="005A1F79">
        <w:rPr>
          <w:rFonts w:ascii="Courier New" w:hAnsi="Courier New" w:cs="Courier New"/>
        </w:rPr>
        <w:t xml:space="preserve">h\fcs1 \af0\afs22 \ltrch\fcs0 \b\fs22\cf6\insrsid4723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6183202 {\rtlch\fcs1 \af0\afs22 \ltrch\fcs0 \b\fs22\insrsid8323676\charrsid751010 \'d</w:t>
      </w:r>
      <w:r w:rsidRPr="005A1F79">
        <w:rPr>
          <w:rFonts w:ascii="Courier New" w:hAnsi="Courier New" w:cs="Courier New"/>
        </w:rPr>
        <w:t xml:space="preserve">0\'e5\'f8\'e5\'ed\'e8\'e5 \'f1\'ee\'e1\'f0\'e0\'ed\'e8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f\'ee \'f8\'e5\'f1\'f2\'ee\'ec\'f3 \'e2\'ee\'ef\'f0\'ee\'f1\'f3 \'ef\'ee\'e2\'e5\'f1\'f2\'ea\'e8 \'e4\'ed\'ff: }{\rtlch\fcs1 \af0 \ltrch\fcs0 \insrsid6183202\charrsid7510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</w:t>
      </w:r>
      <w:r w:rsidRPr="005A1F79">
        <w:rPr>
          <w:rFonts w:ascii="Courier New" w:hAnsi="Courier New" w:cs="Courier New"/>
        </w:rPr>
        <w:t>ar\qj \li0\ri0\widctlpar\wrapdefault\aspalpha\aspnum\faauto\adjustright\rin0\lin0\itap0\pararsid751010 {\rtlch\fcs1 \af0\afs22 \ltrch\fcs0 \fs22\insrsid751010 \'ce}{\rtlch\fcs1 \af0\afs22 \ltrch\fcs0 \fs22\insrsid751010\charrsid13642871 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1\'f0\</w:t>
      </w:r>
      <w:r w:rsidRPr="005A1F79">
        <w:rPr>
          <w:rFonts w:ascii="Courier New" w:hAnsi="Courier New" w:cs="Courier New"/>
        </w:rPr>
        <w:t xml:space="preserve">'e8\'f2\'fc \'f1\'e4\'e5\'eb\'ea\'f3, \'f1\'ee\'e2\'e5\'f0\'f8\'e0\'e5\'ec\'f3\'fe \'f1 \'e7\'e0\'e8\'ed\'f2\'e5\'f0\'e5\'f1\'ee\'e2\'e0\'ed\'ed\'ee\'f1\'f2\'fc\'fe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cf17\chshdng0\chcfpat0\chcbpat8\insrsid751010\</w:t>
      </w:r>
      <w:r w:rsidRPr="005A1F79">
        <w:rPr>
          <w:rFonts w:ascii="Courier New" w:hAnsi="Courier New" w:cs="Courier New"/>
        </w:rPr>
        <w:t>charrsid13642871 \'ca\'ee\'ed\'e4\'f0\'e0\'f2\'ee\'e2\'e0 \'d0.\'c2., \'ff\'e2\'eb\'ff\'fe\'f9\'e5\'e3\'ee\'f1\'ff }{\rtlch\fcs1 \af0\afs22 \ltrch\fcs0 \fs22\cf17\insrsid751010\charrsid13642871 \'f7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d\'ee\'ec \'d1\'ee\'e2\'e5\'f2\'e0 \'c4\'e8\'</w:t>
      </w:r>
      <w:r w:rsidRPr="005A1F79">
        <w:rPr>
          <w:rFonts w:ascii="Courier New" w:hAnsi="Courier New" w:cs="Courier New"/>
        </w:rPr>
        <w:t xml:space="preserve">f0\'e5\'ea\'f2\'ee\'f0\'ee\'e2 \'e8 \'c5\'c8\'ce \'cf\'ee\'f0\'f3\'f7\'e8\'f2\'e5\'eb\'ff, \'e0 \'f2\'e0\'ea\'e6\'e5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cf17\chshdng0\chcfpat0\chcbpat8\insrsid751010\charrsid13642871 \'ea\'ee\'ed\'f2\'f0\'ee\'eb\'e</w:t>
      </w:r>
      <w:r w:rsidRPr="005A1F79">
        <w:rPr>
          <w:rFonts w:ascii="Courier New" w:hAnsi="Courier New" w:cs="Courier New"/>
        </w:rPr>
        <w:t>8\'f0\'f3\'fe\'f9\'e8\'ec \'eb\'e8\'f6\'ee\'ec \'cf\'ee\'f0\'f3\'f7\'e8\'f2\'e5\'eb\'ff (\'ca\'ee\'ed\'e4\'f0\'e0\'f2\'ee\'e2 \'d0.\'c2. \'ff\'e2\'eb\'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f2\'f1\'ff \'e0\'ea\'f6\'e8\'ee\'ed\'e5\'f0\'ee\'ec, \'ea\'ee\'f2\'ee\'f0\'ee\'ec\'f3 \'ef\'f0\</w:t>
      </w:r>
      <w:r w:rsidRPr="005A1F79">
        <w:rPr>
          <w:rFonts w:ascii="Courier New" w:hAnsi="Courier New" w:cs="Courier New"/>
        </w:rPr>
        <w:t>'e8\'ed\'e0\'e4\'eb\'e5\'e6\'e8\'f2 28,0% \'e0\'ea\'f6\'e8\'e9, \'e0 \'f2\'e0\'ea\'e6\'e5 \'ea\'ee\'ed\'f2\'f0\'ee\'eb\'e8\'f0\'f3\'fe\'f9\'e8\'ec 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6\'ee\'ec \'e0\'ea\'f6\'e8\'ee\'ed\'e5\'f0\'e0 \'ce\'ce\'ce \'c0\'ea\'e2\'e0-\'d0\'e5\'f1\'f3\'f</w:t>
      </w:r>
      <w:r w:rsidRPr="005A1F79">
        <w:rPr>
          <w:rFonts w:ascii="Courier New" w:hAnsi="Courier New" w:cs="Courier New"/>
        </w:rPr>
        <w:t>0\'f1\'fb, \'ea\'ee\'f2\'ee\'f0\'ee\'ec\'f3 \'ef\'f0\'e8\'ed\'e0\'e4\'eb\'e5\'e6\'e8\'f2 28,78% \'e0\'ea\'f6\'e8\'e9 \'c0\'ce \'ab\'d2\'e5\'f0\'ec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0\'eb \'c0\'f1\'f2\'e0\'f4\'fc\'e5\'e2\'e0\'bb), }{\rtlch\fcs1 \af0\afs22 \ltrch\fcs0 \fs22\cf17\</w:t>
      </w:r>
      <w:r w:rsidRPr="005A1F79">
        <w:rPr>
          <w:rFonts w:ascii="Courier New" w:hAnsi="Courier New" w:cs="Courier New"/>
        </w:rPr>
        <w:t>insrsid751010\charrsid13642871 \'f2\'ee \'e5\'f1\'f2\'fc \'ca\'ee\'ed\'e4\'f0\'e0\'f2\'ee\'e2\'f3 \'d0.\'c2. \'ef\'f0\'e8\'ed\'e0\'e4\'eb\'e5\'e6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 56,78% \'e0\'ea\'f6\'e8\'e9 \'e2 \'d3\'ca \'cf\'ee\'f0\'f3\'f7\'e8\'f2\'e5\'eb\'ff), \'e2 \'f1\'e2\'</w:t>
      </w:r>
      <w:r w:rsidRPr="005A1F79">
        <w:rPr>
          <w:rFonts w:ascii="Courier New" w:hAnsi="Courier New" w:cs="Courier New"/>
        </w:rPr>
        <w:t>ff\'e7\'e8, \'f1 \'f7\'e5\'ec \'ca\'ee\'ed\'e4\'f0\'e0\'f2\'ee\'e2 \'d0.\'c2. \'e8\'ec\'e5\'e5\'f2\~\'ef\'f0\'e0\'e2\'ee \'ed\'e0\'e7\'ed\'e0\'f7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fc (\'e8\'e7\'e1\'e8\'f0\'e0\'f2\'fc) \'e5\'e4\'e8\'ed\'ee\'eb\'e8\'f7\'ed\'fb\'e9 \'e8\'f1\'ef\'ee</w:t>
      </w:r>
      <w:r w:rsidRPr="005A1F79">
        <w:rPr>
          <w:rFonts w:ascii="Courier New" w:hAnsi="Courier New" w:cs="Courier New"/>
        </w:rPr>
        <w:t>\'eb\'ed\'e8\'f2\'e5\'eb\'fc\'ed\'fb\'e9 \'ee\'f0\'e3\'e0\'ed \'cf\'ee\'f0\'f3\'f7\'e8\'f2\'e5\'eb\'ff, \'e8 \'ff\'e2\'eb\'ff\'fe\'f9\'e5\'e3\'ee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\'f7\'eb\'e5\'ed\'ee\'ec \'d1\'ee\'e2\'e5\'f2\'e0 \'c4\'e8\'f0\'e5\'ea\'f2\'ee\'f0\'ee\'e2, \'c5\'c8</w:t>
      </w:r>
      <w:r w:rsidRPr="005A1F79">
        <w:rPr>
          <w:rFonts w:ascii="Courier New" w:hAnsi="Courier New" w:cs="Courier New"/>
        </w:rPr>
        <w:t>\'ce \'e8 \'ea\'ee\'ed\'f2\'f0\'ee\'eb\'e8\'f0\'f3\'fe\'f9\'e8\'ec \'eb\'e8\'f6\'ee\'ec \'c7\'e0\'e5\'ec\'f9\'e8\'ea\'e0: \'ca\'ee\'ed\'e4\'f0\'e0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2 \'d0.\'c2. \'ff\'e2\'eb\'ff\'e5\'f2\'f1\'ff \'ea\'ee\'ed\'f2\'f0\'ee\'eb\'e8\'f0\'f3\'fe\'f9\'e</w:t>
      </w:r>
      <w:r w:rsidRPr="005A1F79">
        <w:rPr>
          <w:rFonts w:ascii="Courier New" w:hAnsi="Courier New" w:cs="Courier New"/>
        </w:rPr>
        <w:t>8\'ec \'eb\'e8\'f6\'ee\'ec }{\rtlch\fcs1 \af0\afs22 \ltrch\fcs0 \fs22\insrsid751010\charrsid13642871 \'ce\'ce\'ce \'ab\'c0\'ea\'e2\'e0-\'d0\'e5\'f1\'f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f1\'fb\'bb, \'e2\'eb\'e0\'e4\'e5\'fe\'f9\'e5\'e3\'ee 43% \'e0\'ea\'f6\'e8\'e9 \'e2 \'d3\'ca \'c7\</w:t>
      </w:r>
      <w:r w:rsidRPr="005A1F79">
        <w:rPr>
          <w:rFonts w:ascii="Courier New" w:hAnsi="Courier New" w:cs="Courier New"/>
        </w:rPr>
        <w:t>'e0\'e5\'ec\'f9\'e8\'ea\'e0, \'e0 \'f2\'e0\'ea\'e6\'e5 \'ea\'ee\'ed\'f2\'f0\'ee\'eb\'e8\'f0\'f3\'fe\'f9\'e8\'ec \'eb\'e8\'f6\'ee\'ec \'ce\'ce\'ce \'c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f0\'e5\'e3\'e0 \'cf\'f0\'e8\'ec\'ee\'f0\'fc\'ff, \'e2\'eb\'e0\'e4\'e5\'fe\'f9\'e5\'e3\'ee 21% \'e0</w:t>
      </w:r>
      <w:r w:rsidRPr="005A1F79">
        <w:rPr>
          <w:rFonts w:ascii="Courier New" w:hAnsi="Courier New" w:cs="Courier New"/>
        </w:rPr>
        <w:t>\'ea\'f6\'e8\'e9 \'e2 \'d3\'ca \'c7\'e0\'e5\'ec\'f9\'e8\'ea\'e0 \'e8 \'ea\'ee\'ed\'f2\'f0\'ee\'eb\'e8\'f0\'f3\'fe\'f9\'e8\'ec \'eb\'e8\'f6\'ee\'ec \'c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ce \'ab\'c4\'e0\'eb\'fc\'f0\'fb\'e1\'cf\'ee\'f0\'f2\'bb (\'c8\'cd\'cd 2537047582) ~ 28%), \'f1\'e</w:t>
      </w:r>
      <w:r w:rsidRPr="005A1F79">
        <w:rPr>
          <w:rFonts w:ascii="Courier New" w:hAnsi="Courier New" w:cs="Courier New"/>
        </w:rPr>
        <w:t xml:space="preserve">e\'e2\'ec\'e5\'f1\'f2\'ed\'ee \'e2\'eb\'e0\'e4\'e5\'fe\'f9\'e8\'ec\'e8 93% \'e0\'ea\'f6\'e8\'e9 \'e2 \'d3\'ca \'c7\'e0\'e5\'ec\'f9\'e8\'ea\'e0, 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e2\'ff\'e7\'e8 \'f1 \'f7\'e5\'ec, \'e8\'ec\'e5\'e5\'f2 }{\rtlch\fcs1 \af0\afs22 \ltrch\fcs0 \fs22\l</w:t>
      </w:r>
      <w:r w:rsidRPr="005A1F79">
        <w:rPr>
          <w:rFonts w:ascii="Courier New" w:hAnsi="Courier New" w:cs="Courier New"/>
        </w:rPr>
        <w:t>ang1049\langfe1033\langfenp1033\insrsid751010\charrsid13642871 \'ef\'f0\'e0\'e2\'ee \'ed\'e0\'e7\'ed\'e0\'f7\'e0\'f2\'fc (\'e8\'e7\'e1\'e8\'f0\'e0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c) \'e5\'e4\'e8\'ed\'ee\'eb\'e8\'f7\'ed\'fb\'e9 \'e8\'f1\'ef\'ee\'eb\'ed\'e8\'f2\'e5\'eb\'fc\'ed\'fb\</w:t>
      </w:r>
      <w:r w:rsidRPr="005A1F79">
        <w:rPr>
          <w:rFonts w:ascii="Courier New" w:hAnsi="Courier New" w:cs="Courier New"/>
        </w:rPr>
        <w:t>'e9 \'ee\'f0\'e3\'e0\'ed}{\rtlch\fcs1 \af0\afs22 \ltrch\fcs0 \fs22\cf17\insrsid751010\charrsid13642871 ; \'f1 \'e7\'e0\'e8\'ed\'f2\'e5\'f0\'e5\'f1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0\'ed\'ed\'ee\'f1\'f2\'fc\'fe \'c1\'e5\'f0\'eb\'e8\'ed\'f1\'ea\'ee\'e3\'ee \'d1\'e5\'f0\'e3\'e5\'</w:t>
      </w:r>
      <w:r w:rsidRPr="005A1F79">
        <w:rPr>
          <w:rFonts w:ascii="Courier New" w:hAnsi="Courier New" w:cs="Courier New"/>
        </w:rPr>
        <w:t>ff \'c2\'e0\'f1\'e8\'eb\'fc\'e5\'e2\'e8\'f7\'e0, \'ff\'e2\'eb\'ff\'fe\'f9\'e5\'e3\'ee\'f1\'ff\~\'f7\'eb\'e5\'ed\'ee\'ec \'d1\'ee\'e2\'e5\'f2\'e0 \'c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0\'e5\'ea\'f2\'ee\'f0\'ee\'e2 \'cf\'ee\'f0\'f3\'f7\'e8\'f2\'e5\'eb\'ff, \'e0 \'f2\'e0\'ea\'e6\'e5\</w:t>
      </w:r>
      <w:r w:rsidRPr="005A1F79">
        <w:rPr>
          <w:rFonts w:ascii="Courier New" w:hAnsi="Courier New" w:cs="Courier New"/>
        </w:rPr>
        <w:t>~\'c7\'e0\'e5\'ec\'f9\'e8\'ea\'e0 \endash  \'e2\'fb\'e3\'ee\'e4\'ee\'ef\'f0\'e8\'ee\'e1\'f0\'e5\'f2\'e0\'f2\'e5\'eb\'ff \'ef\'ee \'f1\'e4\'e5\'eb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}{\rtlch\fcs1 \af0\afs22 \ltrch\fcs0 \fs22\insrsid751010\charrsid13642871 , \'e0 \'e8\'ec\'e5\'ed\'ed</w:t>
      </w:r>
      <w:r w:rsidRPr="005A1F79">
        <w:rPr>
          <w:rFonts w:ascii="Courier New" w:hAnsi="Courier New" w:cs="Courier New"/>
        </w:rPr>
        <w:t>\'ee \'e4\'ee\'e3\'ee\'e2\'ee\'f0 \'ef\'ee\'f0\'f3\'f7\'e8\'f2\'e5\'eb\'fc\'f1\'f2\'e2\'e0 \'b9\'c4\'cf2-\'d6\'d3-702750/2021/00037 \'ee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01.07.2021 \'e3. \'ec\'e5\'e6\'e4\'f3 \'c0\'ce \'ab\'d2\'e5\'f0\'ec\'e8\'ed\'e0\'eb \'c0\'f1\'f2\'e0\'f4\'fc\'e5\</w:t>
      </w:r>
      <w:r w:rsidRPr="005A1F79">
        <w:rPr>
          <w:rFonts w:ascii="Courier New" w:hAnsi="Courier New" w:cs="Courier New"/>
        </w:rPr>
        <w:t>'e2\'e0\'bb (\'c8\'cd\'cd 2508001618) \'e8 \'c1\'e0\'ed\'ea\'ee\'ec \'c2\'d2\'c1 (\'ef\'f3\'e1\'eb\'e8\'f7\'ed\'ee\'e5 \'e0\'ea\'f6\'e8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5\'f0\'ed\'ee\'e5 \'ee\'e1\'f9\'e5\'f1\'f2\'e2\'ee) \'ef\'ee \'ea\'f0\'e5\'e4\'e8\'f2\'ed\'fb\'ec \'ee\'e1\'</w:t>
      </w:r>
      <w:r w:rsidRPr="005A1F79">
        <w:rPr>
          <w:rFonts w:ascii="Courier New" w:hAnsi="Courier New" w:cs="Courier New"/>
        </w:rPr>
        <w:t xml:space="preserve">ff\'e7\'e0\'f2\'e5\'eb\'fc\'f1\'f2\'e2\'e0\'ec \'c0\'ce \'ab\'c4\'c0\'cb\'dc\'ca\'ce\'cc\'d5\'ce\'cb\'ce\'c4\'bb (\'c8\'cd\'cd 2537003955)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e\'e7\'ed\'e8\'ea\'e0\'fe\'f9\'e8\'ec \'e8\'e7 \'ea\'f0\'e5\'e4\'e8\'f2\'ed\'ee\'e3\'ee \'f1\'ee\'e3\'eb\'e</w:t>
      </w:r>
      <w:r w:rsidRPr="005A1F79">
        <w:rPr>
          <w:rFonts w:ascii="Courier New" w:hAnsi="Courier New" w:cs="Courier New"/>
        </w:rPr>
        <w:t>0\'f8\'e5\'ed\'e8\'ff \'b9 \'ca\'d1-\'d6\'d3-702750/2021/00037 \'ee\'f2 01.07.2021 \'e3. \'ec\'e5\'e6\'e4\'f3 \'c0\'ce \'ab\'c4\'c0\'cb\'d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a\'ce\'cc\'d5\'ce\'cb\'ce\'c4\'bb (\'c8\'cd\'cd 2537003955) \'e8 \'c1\'e0\'ed\'ea\'ee\'ec \'c2\'d2\'c1 (\'cf\'c0</w:t>
      </w:r>
      <w:r w:rsidRPr="005A1F79">
        <w:rPr>
          <w:rFonts w:ascii="Courier New" w:hAnsi="Courier New" w:cs="Courier New"/>
        </w:rPr>
        <w:t xml:space="preserve">\'ce) \endash  \'ea\'f0\'e5\'e4\'e8\'f2\'ed\'ee\'e9 \'eb\'e8\'ed\'e8\'e8 \'f1 \'eb\'e8\'ec\'e8\'f2\'ee\'ec \'e2\'fb\'e4\'e0\'f7\'e8 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3\'ec\'ec\'e5 300 \'ec\'eb\'ed. \'f0\'f3\'e1\'eb\'e5\'e9 \'f1\'f0\'ee\'ea\'ee\'ec \'e4\'ee 1095 \'e4\'ed\'e5\'</w:t>
      </w:r>
      <w:r w:rsidRPr="005A1F79">
        <w:rPr>
          <w:rFonts w:ascii="Courier New" w:hAnsi="Courier New" w:cs="Courier New"/>
        </w:rPr>
        <w:t>e9 (\'e4\'e0\'eb\'e5\'e5 \'f2\'e0\'ea\'e6\'e5 \'d1\'ee\'e3\'eb\'e0\'f8\'e5\'ed\'e8\'e5/\'ca\'f0\'e5\'e4\'e8\'f2\'ed\'ee\'e5 \'f1\'e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0\'f8\'e5\'ed\'e8\'e5) \'ed\'e0 \'f1\'eb\'e5\'e4\'f3\'fe\'f9\'e8\'f5 \'f3\'f1\'eb\'ee\'e2\'e8\'ff\'f5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</w:t>
      </w:r>
      <w:r w:rsidRPr="005A1F79">
        <w:rPr>
          <w:rFonts w:ascii="Courier New" w:hAnsi="Courier New" w:cs="Courier New"/>
        </w:rPr>
        <w:t>pard \ltrpar\qj \fi708\li0\ri0\widctlpar\wrapdefault\aspalpha\aspnum\faauto\adjustright\rin0\lin0\itap0\pararsid751010 {\rtlch\fcs1 \ab\af0\afs22 \ltrch\fcs0 \b\fs22\expnd4\expndtw20\insrsid751010\charrsid13642871 \'c2\'e8\'e4 \'f1\'e4\'e5\'eb\'ea\'e8: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</w:t>
      </w:r>
      <w:r w:rsidRPr="005A1F79">
        <w:rPr>
          <w:rFonts w:ascii="Courier New" w:hAnsi="Courier New" w:cs="Courier New"/>
        </w:rPr>
        <w:t>\rtlch\fcs1 \ab\af0\afs22 \ltrch\fcs0 \fs22\expnd4\expndtw20\insrsid751010\charrsid13642871  \'ca\'f0\'e5\'e4\'e8\'f2\'ed\'e0\'ff \'eb\'e8\'ed\'e8\'ff \'f1 \'eb\'e8\'ec\'e8\'f2\'ee\'ec \'e2\'fb\'e4\'e0\'f7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567\li0\ri0\widctl</w:t>
      </w:r>
      <w:r w:rsidRPr="005A1F79">
        <w:rPr>
          <w:rFonts w:ascii="Courier New" w:hAnsi="Courier New" w:cs="Courier New"/>
        </w:rPr>
        <w:t xml:space="preserve">par\wrapdefault\aspalpha\aspnum\faauto\adjustright\rin0\lin0\itap0\pararsid751010 {\rtlch\fcs1 \ab\af0\afs22 \ltrch\fcs0 \fs22\expnd4\expndtw20\insrsid751010\charrsid13642871 - \'ca\'f0\'e5\'e4\'e8\'f2\'ee\'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endash  \'c1\'e0\'ed\'ea \'c2\'d2\'c1 (\'cf</w:t>
      </w:r>
      <w:r w:rsidRPr="005A1F79">
        <w:rPr>
          <w:rFonts w:ascii="Courier New" w:hAnsi="Courier New" w:cs="Courier New"/>
        </w:rPr>
        <w:t>\'c0\'ce)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 \'c7\'e0\'e5\'ec\'f9\'e8\'ea \endash \'c0\'ce \'ab\'c4\'e0\'eb\'fc\'ea\'ee\'ec\'f5\'ee\'eb\'ee\'e4\'bb (\'c8\'cd\'cd }{\rtlch\fcs1 \af0\afs22 \ltrch\fcs0 \fs22\insrsid751010\charrsid13642871 2537003955}{\rtlch\fcs1 \ab\af0\afs22 \ltrch\fc</w:t>
      </w:r>
      <w:r w:rsidRPr="005A1F79">
        <w:rPr>
          <w:rFonts w:ascii="Courier New" w:hAnsi="Courier New" w:cs="Courier New"/>
        </w:rPr>
        <w:t xml:space="preserve">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s22\expnd4\expndtw20\insrsid751010\charrsid13642871 ) 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8\li0\ri0\widctlpar\wrapdefault\aspalpha\aspnum\faauto\adjustright\rin0\lin0\itap0\pararsid751010 {\rtlch\fcs1 \ab\af0\afs22 \ltrch\fcs0 \b\fs22\expnd4\expndtw20\i</w:t>
      </w:r>
      <w:r w:rsidRPr="005A1F79">
        <w:rPr>
          <w:rFonts w:ascii="Courier New" w:hAnsi="Courier New" w:cs="Courier New"/>
        </w:rPr>
        <w:t>nsrsid751010\charrsid13642871 \'d1\'f3\'ec\'ec\'e0 \'f1\'e4\'e5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8:}{\rtlch\fcs1 \ab\af0\afs22 \ltrch\fcs0 \fs22\expnd4\expndtw20\insrsid751010\charrsid13642871  300 000\~000,00 (\'f2\'f0\'e8\'f1\'f2\'e0 \'ec\'e8\'eb\'eb\'e8\'ee\'ed\'ee\'e2) \'f</w:t>
      </w:r>
      <w:r w:rsidRPr="005A1F79">
        <w:rPr>
          <w:rFonts w:ascii="Courier New" w:hAnsi="Courier New" w:cs="Courier New"/>
        </w:rPr>
        <w:t xml:space="preserve">0\'f3\'e1\'eb\'e5\'e9}{\rtlch\fcs1 \ai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s22\insrsid75101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751010\charrsid13642871 \'d1\'f0\'ee\'ea \'f1\'e4\'e5\'eb\'ea\'e8: 1095}{\rtl</w:t>
      </w:r>
      <w:r w:rsidRPr="005A1F79">
        <w:rPr>
          <w:rFonts w:ascii="Courier New" w:hAnsi="Courier New" w:cs="Courier New"/>
        </w:rPr>
        <w:t xml:space="preserve">ch\fcs1 \ab\af0\afs22 \ltrch\fcs0 \fs22\expnd4\expndtw20\insrsid751010\charrsid13642871  \'e4\'ed\'e5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751010\charrsid13642871 \'d1\'f0\'ee\'ea \'e8\'f1\'ef\'ee\'eb\'fc\'e7</w:t>
      </w:r>
      <w:r w:rsidRPr="005A1F79">
        <w:rPr>
          <w:rFonts w:ascii="Courier New" w:hAnsi="Courier New" w:cs="Courier New"/>
        </w:rPr>
        <w:t xml:space="preserve">\'ee\'e2\'e0\'ed\'e8\'ff: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expnd4\expndtw20\insrsid751010\charrsid13642871 170 \'ea\'e0\'eb\'e5\'ed\'e4\'e0\'f0\'ed\'fb\'f5 \'e4\'ed\'e5\'e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8\li0\ri0\nowidctlpar\wrapdefault\aspalp</w:t>
      </w:r>
      <w:r w:rsidRPr="005A1F79">
        <w:rPr>
          <w:rFonts w:ascii="Courier New" w:hAnsi="Courier New" w:cs="Courier New"/>
        </w:rPr>
        <w:t>ha\aspnum\faauto\adjustright\rin0\lin0\itap0\pararsid751010 {\rtlch\fcs1 \ab\af0\afs22 \ltrch\fcs0 \b\fs22\expnd4\expndtw20\insrsid751010\charrsid13642871 \'c3\'f0\'e0\'f4\'e8\'ea \'ef\'e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0\'f8\'e5\'ed\'e8\'ff:}{\rtlch\fcs1 \af0\afs22 \ltrch\fcs0 </w:t>
      </w:r>
      <w:r w:rsidRPr="005A1F79">
        <w:rPr>
          <w:rFonts w:ascii="Courier New" w:hAnsi="Courier New" w:cs="Courier New"/>
        </w:rPr>
        <w:t>\fs22\insrsid751010\charrsid13642871  \'c5\'e6\'e5\'ec\'e5\'f1\'ff\'f7\'ed\'ee, \'ed\'e0\'f7\'e8\'ed\'e0\'ff \'f1 25 \'ec\'e5\'f1\'ff\'f6\'e0 \'f1\'f0\'ee\'ea\'e0 \'e4\'e5\'e9\'f1\'f2\'e2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\'ca\'f0\'e5\'e4\'e8\'f2\'ed\'ee\'e3\'ee \'f1\'ee\'e3\'eb\</w:t>
      </w:r>
      <w:r w:rsidRPr="005A1F79">
        <w:rPr>
          <w:rFonts w:ascii="Courier New" w:hAnsi="Courier New" w:cs="Courier New"/>
        </w:rPr>
        <w:t xml:space="preserve">'e0\'f8\'e5\'ed\'e8\'ff, \'e2 \'ef\'ee\'f1\'eb\'e5\'e4\'ed\'e8\'e5 \'f1\'e5\'ec\'fc \'ea\'e0\'eb\'e5\'ed\'e4\'e0\'f0\'ed\'fb\'f5 \'e4\'ed\'e5\'e9 \'ec\'e5\'f1\'ff\'f6\'e0 \'ef\'ee 12 500 00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f3\'e1., (1-\'fb\'e9 \'ec\'e5\'f1\'ff\'f6 \endash  \'ec\'</w:t>
      </w:r>
      <w:r w:rsidRPr="005A1F79">
        <w:rPr>
          <w:rFonts w:ascii="Courier New" w:hAnsi="Courier New" w:cs="Courier New"/>
        </w:rPr>
        <w:t>e5\'f1\'ff\'f6 \'e7\'e0\'ea\'eb\'fe\'f7\'e5\'ed\'e8\'ff \'f1\'e4\'e5\'eb\'ea\'e8), \'ee\'f1\'f2\'e0\'f2\'ee\'ea \'e4\'ee\'eb\'e3\'e0 \endash  \'e2 \'ef\'ee\'f1\'eb\'e5\'e4\'ed\'e8\'e5 7 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5\'e9 \'f1\'f0\'ee\'ea\'e0 \'e4\'e5\'e9\'f1\'f2\'e2\'e8\'</w:t>
      </w:r>
      <w:r w:rsidRPr="005A1F79">
        <w:rPr>
          <w:rFonts w:ascii="Courier New" w:hAnsi="Courier New" w:cs="Courier New"/>
        </w:rPr>
        <w:t>ff \'ca\'f0\'e5\'e4\'e8\'f2\'ed\'ee\'e3\'ee \'f1\'ee\'e3\'eb\'e0\'f8\'e5\'ed\'e8\'ff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ltrrow}\pard \ltrpar\ql \li0\ri0\nowidctlpar\intbl\wrapdefault\aspalpha\aspnum\faauto\adjustright\rin0\lin0\pararsid2098646 {\rtlch\fcs1 \ai\af0\afs22 \ltrc</w:t>
      </w:r>
      <w:r w:rsidRPr="005A1F79">
        <w:rPr>
          <w:rFonts w:ascii="Courier New" w:hAnsi="Courier New" w:cs="Courier New"/>
        </w:rPr>
        <w:t>h\fcs0 \i\fs22\insrsid751010\charrsid13642871 \'cf\'ee\'f0\'ff\'e4\'ee\'ea \'f3\'ef\'eb\'e0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b \'ef\'f0\'ee\'f6\'e5\'ed\'f2\'ee\'e2}{\rtlch\fcs1 \ai\af0\afs22 \ltrch\fcs0 \i\strike\fs22\insrsid751010\charrsid13642871 \cell }\pard \ltrpar\qj \li0\ri0</w:t>
      </w:r>
      <w:r w:rsidRPr="005A1F79">
        <w:rPr>
          <w:rFonts w:ascii="Courier New" w:hAnsi="Courier New" w:cs="Courier New"/>
        </w:rPr>
        <w:t>\nowidctlpar\intbl\wrapdefault\aspalpha\aspnum\faauto\adjustright\rin0\lin0\pararsid2098646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fs22\insrsid751010\charrsid13642871 \'c5\'e6\'e5\'ec\'e5\'f1\'ff\'f7\'ed\'ee, \'f1 1-\'e3\'ee \'ef\'ee 15-\'ee\'e5 \'f7\'e8\'</w:t>
      </w:r>
      <w:r w:rsidRPr="005A1F79">
        <w:rPr>
          <w:rFonts w:ascii="Courier New" w:hAnsi="Courier New" w:cs="Courier New"/>
        </w:rPr>
        <w:t>f1\'eb\'ee \'ea\'e0\'e6\'e4\'ee\'e3\'ee \'ec\'e5\'f1\'ff\'f6\'e0, \'ed\'e0\'f7\'e8\'f1\'eb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d\'fb\'f5 \'e7\'e0 \'ef\'f0\'e5\'e4\'fb\'e4\'f3\'f9\'e8\'e9 \'ec\'e5\'f1\'ff\'f6\cell }\pard \ltrpar\ql \li0\ri0\sa160\sl259\slmult1\widctlpar\intbl\wrap</w:t>
      </w:r>
      <w:r w:rsidRPr="005A1F79">
        <w:rPr>
          <w:rFonts w:ascii="Courier New" w:hAnsi="Courier New" w:cs="Courier New"/>
        </w:rPr>
        <w:t xml:space="preserve">default\aspalpha\aspnum\faauto\adjustright\rin0\lin0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751010\charrsid13642871 \trowd \irow0\irowband0\lastrow \ltrrow\ts11\trgaph108\trrh217\trleft-180\trbrdrt\brdrs\brdrw10 \trbrdrl\brdrs\brdrw10 \trbrdrb\</w:t>
      </w:r>
      <w:r w:rsidRPr="005A1F79">
        <w:rPr>
          <w:rFonts w:ascii="Courier New" w:hAnsi="Courier New" w:cs="Courier New"/>
        </w:rPr>
        <w:t xml:space="preserve">brdrs\brdrw10 \trbrdrr\brdrs\brdrw10 \trbrdrh\brdrs\brdrw10 \trbrdrv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trftsWidth3\trwWidth9914\trftsWidthB3\trpaddl108\trpaddr108\trpaddfl3\trpaddft3\trpaddfb3\trpaddfr3\tblrsid2098646\tblind-72\tblindtype3 \clvertalt\clbrdrt\brdrs\brdrw10 </w:t>
      </w:r>
      <w:r w:rsidRPr="005A1F79">
        <w:rPr>
          <w:rFonts w:ascii="Courier New" w:hAnsi="Courier New" w:cs="Courier New"/>
        </w:rPr>
        <w:t xml:space="preserve">\clbrdrl\brdrs\brdrw10 \clbrdrb\brdrs\brdrw10 \clbrdrr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cltxlrtb\clftsWidth3\clwWidth3176\clshdrawnil \cellx2996\clvertalt\clbrdrt\brdrs\brdrw10 \clbrdrl\brdrs\brdrw10 \clbrdrb\brdrs\brdrw10 \clbrdrr\brdrs\brdrw10 \clcbpat8\cltxlrtb\clftsWi</w:t>
      </w:r>
      <w:r w:rsidRPr="005A1F79">
        <w:rPr>
          <w:rFonts w:ascii="Courier New" w:hAnsi="Courier New" w:cs="Courier New"/>
        </w:rPr>
        <w:t>dth3\clwWidth6738\clcbpatraw8 \cellx9734\row }\pard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j \li0\ri0\nowidctlpar\wrapdefault\aspalpha\aspnum\faauto\adjustright\rin0\lin0\itap0\pararsid751010 {\rtlch\fcs1 \ab\af0\afs22 \ltrch\fcs0 \b\fs22\expnd4\expndtw20\insrsid751010\charrsid136428</w:t>
      </w:r>
      <w:r w:rsidRPr="005A1F79">
        <w:rPr>
          <w:rFonts w:ascii="Courier New" w:hAnsi="Courier New" w:cs="Courier New"/>
        </w:rPr>
        <w:t>71 \'d3\'f1\'eb\'ee\'e2\'e8\'ff \'e4\'ee\'f1\'f0\'ee\'f7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3\'ee \'ef\'ee\'e3\'e0\'f8\'e5\'ed\'e8\'ff: }{\rtlch\fcs1 \ab\af0\afs22 \ltrch\fcs0 \fs22\expnd4\expndtw20\insrsid751010\charrsid13642871 \'f1 \'f3\'e2\'e5\'e4\'ee\'ec\'eb\'e5\'ed\'e8\'e5</w:t>
      </w:r>
      <w:r w:rsidRPr="005A1F79">
        <w:rPr>
          <w:rFonts w:ascii="Courier New" w:hAnsi="Courier New" w:cs="Courier New"/>
        </w:rPr>
        <w:t>\'ec \'c1\'e0\'ed\'ea\'e0, \'f1 \'e2\'e7\'e8\'ec\'e0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c \'f4\'e8\'ea\'f1\'e8\'f0\'ee\'e2\'e0\'ed\'ed\'ee\'e9 \'ea\'ee\'ec\'e8\'f1\'f1\'e8\'e8 \'e7\'e0 \'e4\'ee\'f1\'f0\'ee\'f7\'ed\'ee\'e5 \'ef\'ee\'e3\'e0\'f8\'e5\'ed\'e8\'e5.}{\rtlch\fcs1 \a</w:t>
      </w:r>
      <w:r w:rsidRPr="005A1F79">
        <w:rPr>
          <w:rFonts w:ascii="Courier New" w:hAnsi="Courier New" w:cs="Courier New"/>
        </w:rPr>
        <w:t xml:space="preserve">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b\fs22\expnd4\expndtw20\insrsid751010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sb20\sa20\nowidctlpar\tx319\wrapdefault\hyphpar0\aspalpha\faroman\adjustright\rin0\lin0\itap0\pararsid751010 \rtlch\fcs1 \af0\afs</w:t>
      </w:r>
      <w:r w:rsidRPr="005A1F79">
        <w:rPr>
          <w:rFonts w:ascii="Courier New" w:hAnsi="Courier New" w:cs="Courier New"/>
        </w:rPr>
        <w:t>24\alang1025 \ltrch\fcs0 \f1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b\af0\afs22 \ltrch\fcs0 \b\f0\fs22\expnd4\expndtw20\insrsid751010\charrsid13642871 \'d6\'e5\'eb\'e5\'e2\'ee\'e5 \'ed\'e0\'e7\'ed\'e0\'f7\'e5\'ed\'e8\'e5}{\</w:t>
      </w:r>
      <w:r w:rsidRPr="005A1F79">
        <w:rPr>
          <w:rFonts w:ascii="Courier New" w:hAnsi="Courier New" w:cs="Courier New"/>
        </w:rPr>
        <w:t xml:space="preserve">rtlch\fcs1 \af0\afs22 \ltrch\fcs0 \f0\fs22\insrsid75101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62\qj \li0\ri0\sb20\sa20\widctlpar\wrapdefault\aspalpha\aspnum\faauto\adjustright\rin0\lin0\itap0\pararsid751010 \rtlch\fcs1 \af0\afs24\alang1025 \ltrch\</w:t>
      </w:r>
      <w:r w:rsidRPr="005A1F79">
        <w:rPr>
          <w:rFonts w:ascii="Courier New" w:hAnsi="Courier New" w:cs="Courier New"/>
        </w:rPr>
        <w:t xml:space="preserve">fcs0 \fs24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751010\charrsid13642871 1.\~\'d4\'e8\'ed\'e0\'ed\'f1\'e8\'f0\'ee\'e2\'e0\'ed\'e8\'e5 \'f2\'e5\'ea\'f3\'f9\'e5\'e9 \'e4\'e5\'ff\'f2\'e5\'eb\'fc\'</w:t>
      </w:r>
      <w:r w:rsidRPr="005A1F79">
        <w:rPr>
          <w:rFonts w:ascii="Courier New" w:hAnsi="Courier New" w:cs="Courier New"/>
        </w:rPr>
        <w:t>ed\'ee\'f1\'f2\'e8 \'e8 \'f4\'e8\'ed\'e0\'ed\'f1\'e8\'f0\'ee\'e2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5 \'e4\'e5\'ff\'f2\'e5\'eb\'fc\'ed\'ee\'f1\'f2\'e8, \'ef\'f0\'e5\'e4\'f3\'f1\'ec\'ee\'f2\'f0\'e5\'ed\'ed\'ee\'e9 \'f3\'f1\'f2\'e0\'e2\'ee\'ec \'c7\'e0\'e5\'ec\'f9\'e8\'ea\'e0,</w:t>
      </w:r>
      <w:r w:rsidRPr="005A1F79">
        <w:rPr>
          <w:rFonts w:ascii="Courier New" w:hAnsi="Courier New" w:cs="Courier New"/>
        </w:rPr>
        <w:t xml:space="preserve"> \'e2 \'f0\'e0\'ec\'ea\'e0\'f5 \'e5\'e3\'ee \'ee\'e1\'fb\'f7\'ed\'ee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5\'ee\'e7\'ff\'e9\'f1\'f2\'e2\'e5\'ed\'ed\'ee\'e9 \'e4\'e5\'ff\'f2\'e5\'eb\'fc\'ed\'ee\'f1\'f2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sb20\sa20\nowidctlpar\tx319\wrapdef</w:t>
      </w:r>
      <w:r w:rsidRPr="005A1F79">
        <w:rPr>
          <w:rFonts w:ascii="Courier New" w:hAnsi="Courier New" w:cs="Courier New"/>
        </w:rPr>
        <w:t>ault\hyphpar0\aspalpha\faroman\adjustright\rin0\lin0\itap0\pararsid751010 \rtlch\fcs1 \af0\afs24\alang1025 \ltrch\fcs0 \f1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f0\afs22 \ltrch\fcs0 \f0\fs22\insrsid751010\charrsid13642871 </w:t>
      </w:r>
      <w:r w:rsidRPr="005A1F79">
        <w:rPr>
          <w:rFonts w:ascii="Courier New" w:hAnsi="Courier New" w:cs="Courier New"/>
        </w:rPr>
        <w:t>2. \'cf\'f0\'e8\'ee\'e1\'f0\'e5\'f2\'e5\'ed\'e8\'e5, \'f0\'e5\'ec\'ee\'ed\'f2, \'ec\'ee\'e4\'e5\'f0\'ed\'e8\'e7\'e0\'f6\'e8\'ff \'ee\'f1\'ed\'ee\'e2\'ed\'fb\'f5 \'f1\'f0\'e5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2\'e2 (\'e2\'ea\'eb\'fe\'f7\'e0\'ff \'ed\'e5\'e4\'e2\'e8\'e6\'e8\'ec\'</w:t>
      </w:r>
      <w:r w:rsidRPr="005A1F79">
        <w:rPr>
          <w:rFonts w:ascii="Courier New" w:hAnsi="Courier New" w:cs="Courier New"/>
        </w:rPr>
        <w:t>ee\'e5 \'e8\'ec\'f3\'f9\'e5\'f1\'f2\'e2\'ee \'ed\'e0 \'f1\'f3\'ec\'ec\'f3 \'ed\'e5 \'e1\'ee\'eb\'e5\'e5 100\~000\~000, 00 \'f0\'f3\'e1\'eb\'e5\'e9)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i\af0\afs22 \ltrch\fcs0 \b\f0\fs22\insrsid751010\charrsid13642871 \'ce\'e1\'e5\'f1\'ef</w:t>
      </w:r>
      <w:r w:rsidRPr="005A1F79">
        <w:rPr>
          <w:rFonts w:ascii="Courier New" w:hAnsi="Courier New" w:cs="Courier New"/>
        </w:rPr>
        <w:t xml:space="preserve">\'e5\'f7\'e5\'ed\'e8\'e5: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s43\qj \li34\ri0\sb20\sa20\widctlpar\wrapdefault\aspalpha\aspnum\faauto\adjustright\rin0\lin34\itap0\pararsid751010 {\rtlch\fcs1 \ai\af0\afs22 \ltrch\fcs0 \f0\fs22\insrsid751010\charrsid13642871 \'ef\'ee\'f0\</w:t>
      </w:r>
      <w:r w:rsidRPr="005A1F79">
        <w:rPr>
          <w:rFonts w:ascii="Courier New" w:hAnsi="Courier New" w:cs="Courier New"/>
        </w:rPr>
        <w:t>'f3\'f7\'e8\'f2\'e5\'eb\'fc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2\'e2\'ee \'f2\'f0\'e5\'f2\'fc\'e8\'f5 \'eb\'e8\'f6:}{\rtlch\fcs1 \af0\afs22 \ltrch\fcs0 \f0\fs22\insrsid751010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7</w:t>
      </w:r>
      <w:r w:rsidRPr="005A1F79">
        <w:rPr>
          <w:rFonts w:ascii="Courier New" w:hAnsi="Courier New" w:cs="Courier New"/>
        </w:rPr>
        <w:t>51010\charrsid13642871 \hich\af0\dbch\af0\loch\f0 -\tab}}\pard \ltrpar\s43\qj \fi-283\li317\ri0\sb20\sa20\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x317\wrapdefault\aspalpha\aspnum\faauto\ls41\adjustright\rin0\lin317\itap0\pararsid751010 {\rtlch\fcs1 \af0\afs22 \ltrch\fcs0 \f0\fs22\in</w:t>
      </w:r>
      <w:r w:rsidRPr="005A1F79">
        <w:rPr>
          <w:rFonts w:ascii="Courier New" w:hAnsi="Courier New" w:cs="Courier New"/>
        </w:rPr>
        <w:t>srsid751010\charrsid13642871 \'ce\'ce\'ce \'ab\'c4\'e0\'eb\'fc\'d0\'fb\'e1\'cf\'ee\'f0\'f2\'bb (\'c8\'cd\'c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2537047582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s43\qj \li0\ri0\sb20\sa20\widctlpar\tx317\wrapdefault\aspalpha\aspnum\faauto\adjustright\rin0\lin0\itap0\parars</w:t>
      </w:r>
      <w:r w:rsidRPr="005A1F79">
        <w:rPr>
          <w:rFonts w:ascii="Courier New" w:hAnsi="Courier New" w:cs="Courier New"/>
        </w:rPr>
        <w:t>id751010 {\rtlch\fcs1 \af0\afs22 \ltrch\fcs0 \f0\fs22\insrsid751010\charrsid13642871 -    \'c0\'ce \'ab\'d2\'e5\'f0\'ec\'e8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b \'c0\'f1\'f2\'e0\'f4\'fc\'e5\'e2\'e0\'bb  (\'c8\'cd\'cd 2508001618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</w:t>
      </w:r>
      <w:r w:rsidRPr="005A1F79">
        <w:rPr>
          <w:rFonts w:ascii="Courier New" w:hAnsi="Courier New" w:cs="Courier New"/>
        </w:rPr>
        <w:t>s1 \af0\afs22 \ltrch\fcs0 \fs22\insrsid751010\charrsid13642871 \hich\af0\dbch\af0\loch\f0 -\tab}}\pard \ltrpar\s43\qj \fi-283\li317\ri0\sb20\sa20\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x317\wrapdefault\aspalpha\aspnum\faauto\ls41\adjustright\rin0\lin317\itap0\pararsid751010 {\rtlch</w:t>
      </w:r>
      <w:r w:rsidRPr="005A1F79">
        <w:rPr>
          <w:rFonts w:ascii="Courier New" w:hAnsi="Courier New" w:cs="Courier New"/>
        </w:rPr>
        <w:t>\fcs1 \af0\afs22 \ltrch\fcs0 \f0\fs22\insrsid751010\charrsid13642871 \'d0\'fb\'e1\'ee\'eb\'ee\'e2\'e5\'f6\'ea\'e8\'e9 \'ea\'ee\'eb\'f5\'ee\'e7 \'ab\'c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8 \'c2\'ee\'f1\'f2\'ee\'ea\'e0\'bb (\'c8\'cd\'cd 2528004952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</w:t>
      </w:r>
      <w:r w:rsidRPr="005A1F79">
        <w:rPr>
          <w:rFonts w:ascii="Courier New" w:hAnsi="Courier New" w:cs="Courier New"/>
        </w:rPr>
        <w:t>rpar \s43 \rtlch\fcs1 \af0\afs22 \ltrch\fcs0 \fs22\insrsid751010\charrsid13642871 \hich\af0\dbch\af0\loch\f0 -\tab}\'ce\'ce\'ce \'ab\'c0\'ea\'e2\'e0-\'d0\'e5\'f1\'f3\'f0\'f1\'fb\'bb (\'c8\'cd\'cd 25370525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</w:t>
      </w:r>
      <w:r w:rsidRPr="005A1F79">
        <w:rPr>
          <w:rFonts w:ascii="Courier New" w:hAnsi="Courier New" w:cs="Courier New"/>
        </w:rPr>
        <w:t>fcs1 \af0\afs22 \ltrch\fcs0 \fs22\insrsid751010\charrsid13642871 \hich\af0\dbch\af0\loch\f0 -\tab}\'ce\'ce\'ce \'ab\'cc\'e0\'e3\'e8\'f1\'f2\'f0\'e0\'eb\'fc-\'c4\'c2\'bb (\'c8\'cd\'cd 25400778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</w:t>
      </w:r>
      <w:r w:rsidRPr="005A1F79">
        <w:rPr>
          <w:rFonts w:ascii="Courier New" w:hAnsi="Courier New" w:cs="Courier New"/>
        </w:rPr>
        <w:t>22 \ltrch\fcs0 \fs22\insrsid751010\charrsid13642871 \hich\af0\dbch\af0\loch\f0 -\tab}\'ce\'ce\'ce \'ab\'c4\'e0\'eb\'fc\'ed\'e5\'e2\'ee\'f1\'f2\'ee\'f7\'ed\'e0\'ff \'f2\'f0\'e0\'ed\'f1\'ef\'ee\'f0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0\'ff \'ea\'ee\'ec\'ef\'e0\'ed\'e8\'ff\'bb (\'c8</w:t>
      </w:r>
      <w:r w:rsidRPr="005A1F79">
        <w:rPr>
          <w:rFonts w:ascii="Courier New" w:hAnsi="Courier New" w:cs="Courier New"/>
        </w:rPr>
        <w:t>\'cd\'cd 253708931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751010\charrsid13642871 \hich\af0\dbch\af0\loch\f0 -\tab}\'ce\'ce\'ce \'ab\'d2\'e8\'f5\'ee\'ee\'ea\'e5\'e0\'ed\'f1\'ea\'e8\'e9 \'e1\'e0\'eb\'ea\'e</w:t>
      </w:r>
      <w:r w:rsidRPr="005A1F79">
        <w:rPr>
          <w:rFonts w:ascii="Courier New" w:hAnsi="Courier New" w:cs="Courier New"/>
        </w:rPr>
        <w:t>5\'f0\'ed\'fb\'e9 \'f2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c\'e8\'ed\'e0\'eb\'bb (\'c8\'cd\'cd 2537131611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751010\charrsid13642871 \hich\af0\dbch\af0\loch\f0 -\tab}\'ce\'ce\'ce \'ab\'d2\'e5\'</w:t>
      </w:r>
      <w:r w:rsidRPr="005A1F79">
        <w:rPr>
          <w:rFonts w:ascii="Courier New" w:hAnsi="Courier New" w:cs="Courier New"/>
        </w:rPr>
        <w:t>f0\'ec\'e8\'ed\'e0\'eb \'c0\'f1\'f2\'e0\'f4\'fc\'e5\'e2\'e0\'bb (\'c8\'cd\'c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2508129784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751010\charrsid13642871 \hich\af0\dbch\af0\loch\f0 -\tab}\'ce\'ce\'ce \'ab\</w:t>
      </w:r>
      <w:r w:rsidRPr="005A1F79">
        <w:rPr>
          <w:rFonts w:ascii="Courier New" w:hAnsi="Courier New" w:cs="Courier New"/>
        </w:rPr>
        <w:t>'c1\'e5\'f0\'e5\'e3\'e0 \'cf\'f0\'e8\'ec\'ee\'f0\'fc\'ff\'bb (\'c8\'cd\'cd 2537082386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751010\charrsid13642871 \hich\af0\dbch\af0\loch\f0 -\tab}\'ce\'ce\'ce \'ab\'c0\'</w:t>
      </w:r>
      <w:r w:rsidRPr="005A1F79">
        <w:rPr>
          <w:rFonts w:ascii="Courier New" w:hAnsi="Courier New" w:cs="Courier New"/>
        </w:rPr>
        <w:t>ea\'e2\'e0\'e8\'ed\'e4\'f3\'f1\'f2\'f0\'e8\'ff\'bb (\'c8\'cd\'cd 2537067613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4\qj \li0\ri0\nowidctlpar\wrapdefault\faauto\rin0\lin0\itap0\pararsid751010 \rtlch\fcs1 \af1\afs24\alang1025 \ltrch\fcs0 \f1\fs24\cf1\lang1049\langfe</w:t>
      </w:r>
      <w:r w:rsidRPr="005A1F79">
        <w:rPr>
          <w:rFonts w:ascii="Courier New" w:hAnsi="Courier New" w:cs="Courier New"/>
        </w:rPr>
        <w:t xml:space="preserve">1049\cgrid\langnp1049\langfenp1049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0\fs22\insrsid751010\charrsid13642871 - \'ca\'ee\'ed\'e4\'f0\'e0\'f2\'ee\'e2 \'d0\'f3\'f1\'eb\'e0\'ed \'c2\'e8\'ea\'f2\'ee\'f0\'ee\'e2\'e8\'f7; }{\rtlch\fcs1 \af0\afs22 \ltrch\fcs0 </w:t>
      </w:r>
      <w:r w:rsidRPr="005A1F79">
        <w:rPr>
          <w:rFonts w:ascii="Courier New" w:hAnsi="Courier New" w:cs="Courier New"/>
        </w:rPr>
        <w:t>\f0\fs22\cf0\insrsid751010\charrsid13642871 \'c2\'e8\'e4 \'ee\'f2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5\'f2\'f1\'f2\'e2\'e5\'ed\'ed\'ee\'f1\'f2\'e8 \'ef\'ee\'f0\'f3\'f7\'e8\'f2\'e5\'eb\'ff: \'f1\'ee\'eb\'e8\'e4\'e0\'f0\'ed\'e0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0\'e0\'e7\'ec\'e5\'f0 \'ee\'f2\'e2\'e5\'f2\</w:t>
      </w:r>
      <w:r w:rsidRPr="005A1F79">
        <w:rPr>
          <w:rFonts w:ascii="Courier New" w:hAnsi="Courier New" w:cs="Courier New"/>
        </w:rPr>
        <w:t>'f1\'f2\'e2\'e5\'ed\'ed\'ee\'f1\'f2\'e8 \'ef\'ee\'f0\'f3\'f7\'e8\'f2\'e5\'eb\'ff: \'ed\'e0 \'e2\'f1\'fe \'f1\'f3\'ec\'ec\'f3 \'ee\'e1\'ff\'e7\'e0\'f2\'e5\'eb\'fc\'f1\'f2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widctlpar\tx350\wrapdefault\aspalpha\a</w:t>
      </w:r>
      <w:r w:rsidRPr="005A1F79">
        <w:rPr>
          <w:rFonts w:ascii="Courier New" w:hAnsi="Courier New" w:cs="Courier New"/>
        </w:rPr>
        <w:t xml:space="preserve">spnum\faauto\adjustright\rin0\lin0\itap0\pararsid751010 \rtlch\fcs1 \af0\afs24\alang1025 \ltrch\fcs0 \f1\fs20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0\fs22\insrsid751010\charrsid13642871 \'c7\'e0\'eb\'ee\'</w:t>
      </w:r>
      <w:r w:rsidRPr="005A1F79">
        <w:rPr>
          <w:rFonts w:ascii="Courier New" w:hAnsi="Courier New" w:cs="Courier New"/>
        </w:rPr>
        <w:t>e3 \'e8\'ec\'f3\'f9\'e5\'f1\'f2\'e2\'e0, \'ef\'f0\'e8\'ed\'e0\'e4\'eb\'e5\'e6\'e0\'f9\'e5\'e3\'ee \'ce\'ce\'ce \'ab\'d2\'e5\'f0\'ec\'e8\'ed\'e0\'eb \'c0\'f1\'f2\'e0\'f4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2\'e0\'bb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tqc\tx4677\tqr\</w:t>
      </w:r>
      <w:r w:rsidRPr="005A1F79">
        <w:rPr>
          <w:rFonts w:ascii="Courier New" w:hAnsi="Courier New" w:cs="Courier New"/>
        </w:rPr>
        <w:t>tx9355\wrapdefault\aspalpha\aspnum\faauto\adjustright\rin0\lin0\itap0\pararsid751010 \rtlch\fcs1 \af0\afs20\alang1025 \ltrch\fcs0 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b\af0\afs22 \ltrch\fcs0 \b\fs22\expnd4\expndtw20\insr</w:t>
      </w:r>
      <w:r w:rsidRPr="005A1F79">
        <w:rPr>
          <w:rFonts w:ascii="Courier New" w:hAnsi="Courier New" w:cs="Courier New"/>
        </w:rPr>
        <w:t>sid751010\charrsid13642871 \'cf\'f0\'ee\'f6\'e5\'ed\'f2\'ed\'e0\'ff \'f1\'f2\'e0\'e2\'ea\'e0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4\qj \li0\ri0\nowidctlpar\wrapdefault\faauto\rin0\lin0\itap0\pararsid751010 \rtlch\fcs1 \af1\afs24\alang1025 \ltrch\fcs0 \f1\fs24\cf1</w:t>
      </w:r>
      <w:r w:rsidRPr="005A1F79">
        <w:rPr>
          <w:rFonts w:ascii="Courier New" w:hAnsi="Courier New" w:cs="Courier New"/>
        </w:rPr>
        <w:t xml:space="preserve">\lang1049\langfe1049\cgrid\langnp1049\langfenp1049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i\f0\fs22\cf0\insrsid751010\charrsid13642871 \'ca\'eb\'fe\'f7\'e5\'e2\'e0\'ff \'f1\'f2\'e0\'e2\'ea\'e0 \'c1\'e0\'ed\'ea\'e0 \'d0\'ee\'f1\'f1\'e8\'e8, \'f3\'e2\'e5\'eb</w:t>
      </w:r>
      <w:r w:rsidRPr="005A1F79">
        <w:rPr>
          <w:rFonts w:ascii="Courier New" w:hAnsi="Courier New" w:cs="Courier New"/>
        </w:rPr>
        <w:t xml:space="preserve">\'e8\'f7\'e5\'ed\'ed\'e0\'ff \'ed\'e5 \'e1\'ee\'eb\'e5\'e5 \'f7\'e5\'ec \'ed\'e0 2,8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e\'f6\'e5\'ed\'f2\'e0 \'e3\'ee\'e4\'ee\'e2\'fb\'f5}{\rtlch\fcs1 \af0\afs22 \ltrch\fcs0 \f0\fs22\cf0\insrsid751010\charrsid13642871 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</w:t>
      </w:r>
      <w:r w:rsidRPr="005A1F79">
        <w:rPr>
          <w:rFonts w:ascii="Courier New" w:hAnsi="Courier New" w:cs="Courier New"/>
        </w:rPr>
        <w:t>ar\s26\ql \li0\ri0\widctlpar\tqc\tx4153\tqr\tx8306\wrapdefault\aspalpha\aspnum\faauto\adjustright\rin0\lin0\itap0\pararsid751010 \rtlch\fcs1 \af0\afs20\alang1025 \ltrch\fcs0 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f0\afs22 </w:t>
      </w:r>
      <w:r w:rsidRPr="005A1F79">
        <w:rPr>
          <w:rFonts w:ascii="Courier New" w:hAnsi="Courier New" w:cs="Courier New"/>
        </w:rPr>
        <w:t>\ltrch\fcs0 \fs22\insrsid751010\charrsid13642871 \'c7\'ed\'e0\'f7\'e5\'ed\'e8\'e5 \'ea\'eb\'fe\'f7\'e5\'e2\'ee\'e9 \'f1\'f2\'e0\'e2\'ea\'e8 \'c1\'e0\'ed\'ea\'e0 \'d0\'ee\'f1\'f1\'e8\'e8 \'ee\'ef\'f0\'e5\'e4\'e5\'eb\'ff\'e5\'f2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\'ed\'e0 \'ee\'f1\'</w:t>
      </w:r>
      <w:r w:rsidRPr="005A1F79">
        <w:rPr>
          <w:rFonts w:ascii="Courier New" w:hAnsi="Courier New" w:cs="Courier New"/>
        </w:rPr>
        <w:t>ed\'ee\'e2\'e0\'ed\'e8\'e8 \'e8\'ed\'f4\'ee\'f0\'ec\'e0\'f6\'e8\'e8, \'f0\'e0\'e7\'ec\'e5\'f9\'e5\'ed\'ed\'ee\'e9 \'ed\'e0 \'ee\'f4\'e8\'f6\'e8\'e0\'eb\'fc\'ed\'ee\'ec \'f1\'e0\'e9\'f2\'e5 \'c1\'e0\'ed\'ea\'e0 \'d0\'ee\'f1\'f1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 \'e2 \'f1\'e5\'f2\'</w:t>
      </w:r>
      <w:r w:rsidRPr="005A1F79">
        <w:rPr>
          <w:rFonts w:ascii="Courier New" w:hAnsi="Courier New" w:cs="Courier New"/>
        </w:rPr>
        <w:t>e8 \'c8\'ed\'f2\'e5\'f0\'ed\'e5\'f2 (\'ed\'e0 \'f1\'e0\'e9\'f2\'e5 www.cbr.ru \'e8\'eb\'e8 \'e8\'ed\'ee\'ec \'ee\'f4\'e8\'f6\'e8\'e0\'eb\'fc\'ed\'ee\'ec \'f1\'e0\'e9\'f2\'e5 \'c1\'e0\'ed\'ea\'e0 \'d0\'ee\'f1\'f1\'e8\'e8 \'e2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f3\'f7\'e0\'e5 \'e5</w:t>
      </w:r>
      <w:r w:rsidRPr="005A1F79">
        <w:rPr>
          <w:rFonts w:ascii="Courier New" w:hAnsi="Courier New" w:cs="Courier New"/>
        </w:rPr>
        <w:t>\'e3\'ee \'e8\'e7\'ec\'e5\'ed\'e5\'ed\'e8\'ff)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widctlpar\tx317\wrapdefault\aspalpha\aspnum\faauto\adjustright\rin0\lin0\itap0\pararsid751010 \rtlch\fcs1 \af0\afs24\alang1025 \ltrch\fcs0 \f1\fs20\lang1049\l</w:t>
      </w:r>
      <w:r w:rsidRPr="005A1F79">
        <w:rPr>
          <w:rFonts w:ascii="Courier New" w:hAnsi="Courier New" w:cs="Courier New"/>
        </w:rPr>
        <w:t xml:space="preserve">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0\fs22\insrsid751010\charrsid13642871 \'cf\'e5\'f0\'e5\'f1\'ec\'ee\'f2\'f0 \'ea\'eb\'fe\'f7\'e5\'e2\'ee\'e9 \'f1\'f2\'e0\'e2\'ea\'e8 \'c1\'e0\'ed\'ea\'e0 \'d0\'ee\'f1\'f1\'e8\'</w:t>
      </w:r>
      <w:r w:rsidRPr="005A1F79">
        <w:rPr>
          <w:rFonts w:ascii="Courier New" w:hAnsi="Courier New" w:cs="Courier New"/>
        </w:rPr>
        <w:t>e8 \'ee\'f1\'f3\'f9\'e5\'f1\'f2\'e2\'eb\'ff\'e5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f \'ed\'e0 \'e5\'e6\'e5\'e4\'ed\'e5\'e2\'ed\'ee\'e9 \'ee\'f1\'ed\'ee\'e2\'e5. \'cf\'f0\'e8 \'e8\'e7\'ec\'e5\'ed\'e5\'ed\'e8\'e8 \'ea\'eb\'fe\'f7\'e5\'e2\'ee\'e9 \'f1\'f2\'e0\'e2\'ea\'e8 \'c1\'e0\'</w:t>
      </w:r>
      <w:r w:rsidRPr="005A1F79">
        <w:rPr>
          <w:rFonts w:ascii="Courier New" w:hAnsi="Courier New" w:cs="Courier New"/>
        </w:rPr>
        <w:t>ed\'ea\'e0 \'d0\'ee\'f1\'f1\'e8\'e8 \'ef\'f0\'ee\'f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d\'f2\'ed\'e0\'ff \'f1\'f2\'e0\'e2\'ea\'e0 \'ef\'ee \'ca\'f0\'e5\'e4\'e8\'f2\'ed\'ee\'e9 \'eb\'e8\'ed\'e8\'e8 \'f1\'f7\'e8\'f2\'e0\'e5\'f2\'f1\'ff \'e8\'e7\'ec\'e5\'ed\'e5\'ed\'ed\'ee\'e9 \'e2 \'</w:t>
      </w:r>
      <w:r w:rsidRPr="005A1F79">
        <w:rPr>
          <w:rFonts w:ascii="Courier New" w:hAnsi="Courier New" w:cs="Courier New"/>
        </w:rPr>
        <w:t xml:space="preserve">e4\'e0\'f2\'f3, \'f1 \'ea\'ee\'f2\'ee\'f0\'ee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f1\'f2\'e0\'ed\'e0\'e2\'eb\'e8\'e2\'e0\'e5\'f2\'f1\'ff \'ed\'ee\'e2\'ee\'e5 \'e7\'ed\'e0\'f7\'e5\'ed\'e8\'e5 \'ea\'eb\'fe\'f7\'e5\'e2\'ee\'e9 \'f1\'f2\'e0\'e2\'ea\'e8 \'c1\'e0\'ed\'ea\'e0 \'d0\'ee\'</w:t>
      </w:r>
      <w:r w:rsidRPr="005A1F79">
        <w:rPr>
          <w:rFonts w:ascii="Courier New" w:hAnsi="Courier New" w:cs="Courier New"/>
        </w:rPr>
        <w:t>f1\'f1\'e8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0\fs22\expnd4\expndtw20\insrsid751010\charrsid13642871 \'cd\'e0\'e4\'e1\'e0\'e2\'ea\'e0 \'ea \'ef\'f0\'ee\'f6\'e5\'ed\'f2\'ed\'ee\'e9 \'f1\'f2\'e0\'e2\'ea\'e5 \'e7\'e0 \'ef\'ee\'e4\'e4\'e5\'</w:t>
      </w:r>
      <w:r w:rsidRPr="005A1F79">
        <w:rPr>
          <w:rFonts w:ascii="Courier New" w:hAnsi="Courier New" w:cs="Courier New"/>
        </w:rPr>
        <w:t>f0\'e6\'e0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5 \'ea\'f0\'e5\'e4\'e8\'f2\'ee\'e2\'fb\'f5 \'ee\'e1\'ee\'f0\'ee\'f2\'ee\'e2 \'ec\'e5\'ed\'e5\'e5 \'f3\'f1\'f2\'e0\'ed\'ee\'e2\'eb\'e5\'ed\'ed\'ee\'e3\'ee \'f0\'e0\'e7\'ec\'e5\'f0\'e0: 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</w:t>
      </w:r>
      <w:r w:rsidRPr="005A1F79">
        <w:rPr>
          <w:rFonts w:ascii="Courier New" w:hAnsi="Courier New" w:cs="Courier New"/>
        </w:rPr>
        <w:t>2\expnd4\expndtw20\insrsid751010\charrsid13642871 1 % \'e3\'ee\'e4\'ee\'e2\'fb\'f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\plain \ltrpar\qj \li0\ri0\widctlpar\wrapdefault\aspalpha\aspnum\faauto\adjustright\rin0\lin0\itap0\pararsid751010 \rtlch\fcs1 \af0\afs20\alang1025 \ltrch\fcs0 </w:t>
      </w:r>
      <w:r w:rsidRPr="005A1F79">
        <w:rPr>
          <w:rFonts w:ascii="Courier New" w:hAnsi="Courier New" w:cs="Courier New"/>
        </w:rPr>
        <w:t xml:space="preserve">\fs20\lang1049\langfe1049\cgrid\langnp1049\langfenp1049 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s22\expnd4\expndtw20\insrsid751010\charrsid13642871 \'cd\'e0\'e4\'e1\'e0\'e2\'ea\'e0 \'ea \'ef\'f0\'ee\'f6\'e5\'ed\'f2\'ed\'ee\'e9 \'f1\'f2\'e0\'e2\'ea\'e5</w:t>
      </w:r>
      <w:r w:rsidRPr="005A1F79">
        <w:rPr>
          <w:rFonts w:ascii="Courier New" w:hAnsi="Courier New" w:cs="Courier New"/>
        </w:rPr>
        <w:t xml:space="preserve"> \'e7\'e0 \'ef\'ee\'e4\'e4\'e5\'f0\'e6\'e0\'ed\'e8\'e5 \'e4\'e5\'e1\'e5\'f2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b\'f5 \'ee\'e1\'ee\'f0\'ee\'f2\'ee\'e2 \'ec\'e5\'ed\'e5\'e5 \'f3\'f1\'f2\'e0\'ed\'ee\'e2\'eb\'e5\'ed\'ed\'ee\'e3\'ee \'f0\'e0\'e7\'ec\'e5\'f0\'e0:}{\rtlch\fcs1 \af0\afs</w:t>
      </w:r>
      <w:r w:rsidRPr="005A1F79">
        <w:rPr>
          <w:rFonts w:ascii="Courier New" w:hAnsi="Courier New" w:cs="Courier New"/>
        </w:rPr>
        <w:t xml:space="preserve">22 \ltrch\fcs0 \fs22\insrsid751010\charrsid13642871  }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expnd4\expndtw20\insrsid751010\charrsid13642871 1 % \'e3\'ee\'e4\'ee\'e2\'fb\'f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x252\tqc\tx4677\tqr\tx9355\wr</w:t>
      </w:r>
      <w:r w:rsidRPr="005A1F79">
        <w:rPr>
          <w:rFonts w:ascii="Courier New" w:hAnsi="Courier New" w:cs="Courier New"/>
        </w:rPr>
        <w:t xml:space="preserve">apdefault\aspalpha\aspnum\faauto\adjustright\rin0\lin0\itap0\pararsid751010 {\rtlch\fcs1 \af0\afs22 \ltrch\fcs0 \fs22\lang1049\langfe1033\langfenp1033\insrsid751010\charrsid13642871 \'c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eb\'f3\'f7\'e0\'e5 \'e2\'ee\'e7\'ed\'e8\'ea\'ed\'ee\'e2\'e5\'</w:t>
      </w:r>
      <w:r w:rsidRPr="005A1F79">
        <w:rPr>
          <w:rFonts w:ascii="Courier New" w:hAnsi="Courier New" w:cs="Courier New"/>
        </w:rPr>
        <w:t>ed\'e8\'ff \'ee\'f1\'ed\'ee\'e2\'e0\'ed\'e8\'ff \'e4\'eb\'ff \'ef\'f0\'e8\'ec\'e5\'ed\'e5\'ed\'e8\'ff \'ed\'e0\'e4\'e1\'e0\'e2\'ea\'e8 \'ee\'e4\'ed\'ee\'e2\'f0\'e5\'ec\'e5\'ed\'ed\'ee 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ed\'e5\'e2\'fb\'ef\'ee\'eb\'ed\'e5\'ed\'e8\'e5 \'ea\'f0\'e5</w:t>
      </w:r>
      <w:r w:rsidRPr="005A1F79">
        <w:rPr>
          <w:rFonts w:ascii="Courier New" w:hAnsi="Courier New" w:cs="Courier New"/>
        </w:rPr>
        <w:t>\'e4\'e8\'f2\'ee\'e2\'fb\'f5 \'ee\'e1\'ee\'f0\'ee\'f2\'ee\'e2 \'e8 \'e4\'e5\'e1\'e5\'f2\'ee\'e2\'fb\'f5 \'ee\'e1\'ee\'f0\'ee\'f2\'ee\'e2, \'ed\'e0\'e4\'e1\'e0\'e2\'ea\'e0 \'ec\'ee\'e6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 \'e1\'fb\'f2\'fc \'ef\'f0\'e8\'ec\'e5\'ed\'e5\'ed\'e0 \'f2\'ee</w:t>
      </w:r>
      <w:r w:rsidRPr="005A1F79">
        <w:rPr>
          <w:rFonts w:ascii="Courier New" w:hAnsi="Courier New" w:cs="Courier New"/>
        </w:rPr>
        <w:t>\'eb\'fc\'ea\'ee \'ef\'ee \'ee\'e4\'ed\'ee\'ec\'f3 \'e8\'e7 \'ee\'f1\'ed\'ee\'e2\'e0\'ed\'e8\'e9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\ltrpar\qj \li0\ri0\nowidctlpar\tqc\tx4677\tqr\tx9355\wrapdefault\aspalpha\aspnum\faauto\adjustright\rin0\lin0\itap0\pararsid751010 {\rtlch\fcs1 </w:t>
      </w:r>
      <w:r w:rsidRPr="005A1F79">
        <w:rPr>
          <w:rFonts w:ascii="Courier New" w:hAnsi="Courier New" w:cs="Courier New"/>
        </w:rPr>
        <w:t>\af0\afs22 \ltrch\fcs0 \fs22\lang1049\langfe1033\langfenp1033\insrsid751010\charrsid13642871 \'c8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5\'ed\'e5\'ed\'ed\'e0\'ff \'ef\'f0\'ee\'f6\'e5\'ed\'f2\'ed\'e0\'ff \'f1\'f2\'e0\'e2\'ea\'e0 \'ed\'e0\'f7\'e8\'ed\'e0\'e5\'f2 \'e4\'e5\'e9\'f1\'f2\</w:t>
      </w:r>
      <w:r w:rsidRPr="005A1F79">
        <w:rPr>
          <w:rFonts w:ascii="Courier New" w:hAnsi="Courier New" w:cs="Courier New"/>
        </w:rPr>
        <w:t>'e2\'ee\'e2\'e0\'f2\'fc \'f1 1-\'e3\'ee \'f7\'e8\'f1\'eb\'e0 \'ec\'e5\'f1\'ff\'f6\'e0 \'f1\'eb\'e5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fe\'f9\'e5\'e3\'ee \'e7\'e0 \'ec\'e5\'f1\'ff\'f6\'e5\'ec \'e2 \'ea\'ee\'f2\'ee\'f0\'ee\'ec \'c7\'e0\'e5\'ec\'f9\'e8\'ea\'f3 \'e1\'fb\'eb\'ee \'ed\</w:t>
      </w:r>
      <w:r w:rsidRPr="005A1F79">
        <w:rPr>
          <w:rFonts w:ascii="Courier New" w:hAnsi="Courier New" w:cs="Courier New"/>
        </w:rPr>
        <w:t>'e0\'ef\'f0\'e0\'e2\'eb\'e5\'ed\'ee \'ef\'e8\'f1\'fc\'ec\'e5\'ed\'ed\'ee\'e5 \'f3\'e2\'e5\'e4\'ee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d\'e8\'e5 \'ee\'e1 \'e8\'e7\'ec\'e5\'ed\'e5\'ed\'e8\'e8 \'ef\'f0\'ee\'f6\'e5\'ed\'f2\'ed\'ee\'e9 \'f1\'f2\'e0\'e2\'ea\'e8 \'ef\'ee \'ef\'ee\'f</w:t>
      </w:r>
      <w:r w:rsidRPr="005A1F79">
        <w:rPr>
          <w:rFonts w:ascii="Courier New" w:hAnsi="Courier New" w:cs="Courier New"/>
        </w:rPr>
        <w:t>1\'eb\'e5\'e4\'ed\'e5\'e5 \'f7\'e8\'f1\'eb\'ee \'ec\'e5\'f1\'ff\'f6\'e0, \'e2 \'ea\'ee\'f2\'ee\'f0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 \'e2\'fb\'ef\'ee\'eb\'ed\'e5\'ed\'ee \'f3\'f1\'eb\'ee\'e2\'e8\'e5 \'ee \'ed\'e5\'ee\'e1\'f5\'ee\'e4\'e8\'ec\'ee\'ec \'f0\'e0\'e7\'ec\'e5\'f0\'e5 \'</w:t>
      </w:r>
      <w:r w:rsidRPr="005A1F79">
        <w:rPr>
          <w:rFonts w:ascii="Courier New" w:hAnsi="Courier New" w:cs="Courier New"/>
        </w:rPr>
        <w:t xml:space="preserve">ee\'e1\'ee\'f0\'ee\'f2\'ee\'e2, \'ed\'e0\'f0\'f3\'f8\'e5\'ed\'e8\'e5 \'ea\'ee\'f2\'ee\'f0\'ee\'e3\'ee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\'e2\'e8\'eb\'ee\'f1\'fc \'ee\'f1\'ed\'ee\'e2\'e0\'ed\'e8\'e5\'ec \'e4\'eb\'ff \'e8\'e7\'ec\'e5\'ed\'e5\'ed\'e8\'ff \'ef\'f0\'ee\'f6\'e5\'ed\'f2\'ed</w:t>
      </w:r>
      <w:r w:rsidRPr="005A1F79">
        <w:rPr>
          <w:rFonts w:ascii="Courier New" w:hAnsi="Courier New" w:cs="Courier New"/>
        </w:rPr>
        <w:t xml:space="preserve">\'ee\'e9 \'f1\'f2\'e0\'e2\'ea\'e8 (\'e2\'ea\'eb\'fe\'f7\'e8\'f2\'e5\'eb\'fc\'ed\'ee).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f0\afs22 \ltrch\fcs0 \i\fs22\lang1049\langfe1033\langfenp1033\insrsid75101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</w:t>
      </w:r>
      <w:r w:rsidRPr="005A1F79">
        <w:rPr>
          <w:rFonts w:ascii="Courier New" w:hAnsi="Courier New" w:cs="Courier New"/>
        </w:rPr>
        <w:t>lpha\aspnum\faauto\adjustright\rin0\lin0\itap0\pararsid751010 {\rtlch\fcs1 \ab\af0\afs22 \ltrch\fcs0 \b\fs22\expnd4\expndtw20\insrsid751010\charrsid13642871 \'ca\'ee\'ec\'e8\'f1\'f1\'e8\'e8/ \'e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d\'e0\'e3\'f0\'e0\'e6\'e4\'e5\'ed\'e8\'ff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</w:t>
      </w:r>
      <w:r w:rsidRPr="005A1F79">
        <w:rPr>
          <w:rFonts w:ascii="Courier New" w:hAnsi="Courier New" w:cs="Courier New"/>
        </w:rPr>
        <w:t xml:space="preserve"> \'c7\'e0 \'ee\'e1\'ff\'e7\'e0\'f2\'e5\'eb\'fc\'f1\'f2\'e2\'ee:}{\rtlch\fcs1 \ab\af0\afs22 \ltrch\fcs0 \fs22\expnd4\expndtw20\insrsid751010\charrsid13642871  0,20% \'e3\'ee\'e4\'ee\'e2\'fb\'f5. 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751010\cha</w:t>
      </w:r>
      <w:r w:rsidRPr="005A1F79">
        <w:rPr>
          <w:rFonts w:ascii="Courier New" w:hAnsi="Courier New" w:cs="Courier New"/>
        </w:rPr>
        <w:t xml:space="preserve">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ca\'ee\'ec\'e8\'f1\'f1\'e8\'ff \'e7\'e0 \'ee\'e1\'ff\'e7\'e0\'f2\'e5\'eb\'fc\'f1\'f2\'e2\'ee \'ed\'e0\'f7\'e8\'f1\'eb\'ff\'e5\'f2\'f1\'ff \'f1 6- \'e3\'ee \'f0\'e0\'e1\'ee\'f7\'e5\'e3\'ee \'e4\'ed\'ff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6\</w:t>
      </w:r>
      <w:r w:rsidRPr="005A1F79">
        <w:rPr>
          <w:rFonts w:ascii="Courier New" w:hAnsi="Courier New" w:cs="Courier New"/>
        </w:rPr>
        <w:t xml:space="preserve">ql \li0\ri0\widctlpar\wrapdefault\aspalpha\aspnum\faauto\adjustright\rin0\lin0\itap0\pararsid751010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7510</w:t>
      </w:r>
      <w:r w:rsidRPr="005A1F79">
        <w:rPr>
          <w:rFonts w:ascii="Courier New" w:hAnsi="Courier New" w:cs="Courier New"/>
        </w:rPr>
        <w:t xml:space="preserve">10\charrsid13642871 \'d3\'ef\'eb\'e0\'f7\'e8\'e2\'e0\'e5\'f2\'f1\'ff \'e2 \'e4\'e0\'f2\'fb, \'f3\'f1\'f2\'e0\'ed\'ee\'e2\'eb\'e5\'ed\'ed\'fb\'e5 \'e4\'eb\'ff \'f3\'ef\'eb\'e0\'f2\'fb \'ef\'f0\'ee\'f6\'e5\'ed\'f2\'ee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3\qj</w:t>
      </w:r>
      <w:r w:rsidRPr="005A1F79">
        <w:rPr>
          <w:rFonts w:ascii="Courier New" w:hAnsi="Courier New" w:cs="Courier New"/>
        </w:rPr>
        <w:t xml:space="preserve"> \li0\ri0\widctlpar\wrapdefault\nooverflow\faroman\rin0\lin0\itap0\pararsid751010\contextualspace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751010</w:t>
      </w:r>
      <w:r w:rsidRPr="005A1F79">
        <w:rPr>
          <w:rFonts w:ascii="Courier New" w:hAnsi="Courier New" w:cs="Courier New"/>
        </w:rPr>
        <w:t>\charrsid13642871 \'cf\'ee\'f1\'eb\'e5\'e4\'ed\'e8\'e9 \'ef\'eb\'e0\'f2\'e5\'e6 \'f3\'ef\'eb\'e0\'f7\'e8\'e2\'e0\'e5\'f2\'f1\'ff \'e2 \'e4\'e0\'f2\'f3 \'ee\'ea\'ee\'ed\'f7\'e0\'ed\'e8\'ff \'ee\'e1\'f9\'e5\'e3\'ee \'f1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a\'e0 \'ef\'f0\'e5\'e4\'ee</w:t>
      </w:r>
      <w:r w:rsidRPr="005A1F79">
        <w:rPr>
          <w:rFonts w:ascii="Courier New" w:hAnsi="Courier New" w:cs="Courier New"/>
        </w:rPr>
        <w:t xml:space="preserve">\'f1\'f2\'e0\'e2\'eb\'e5\'ed\'e8\'ff \'ca\'f0\'e5\'e4\'e8\'f2\'ee\'e2}{\rtlch\fcs1 \ab\af0\afs22 \ltrch\fcs0 \fs22\expnd4\expndtw20\insrsid751010\charrsid13642871 ;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\fs22\expnd4\expndtw20\insrsid751010\charrsid136</w:t>
      </w:r>
      <w:r w:rsidRPr="005A1F79">
        <w:rPr>
          <w:rFonts w:ascii="Courier New" w:hAnsi="Courier New" w:cs="Courier New"/>
        </w:rPr>
        <w:t xml:space="preserve">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33 \rtlch\fcs1 \ab\af0\afs22 \ltrch\fcs0 \f3\fs22\expnd4\expndtw20\insrsid751010\charrsid13642871 \loch\af3\dbch\af0\hich\f3 \'b7\tab}}\pard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33\qj \fi-283\li709\ri0\widctlpar\wrapdefault\nooverflow\far</w:t>
      </w:r>
      <w:r w:rsidRPr="005A1F79">
        <w:rPr>
          <w:rFonts w:ascii="Courier New" w:hAnsi="Courier New" w:cs="Courier New"/>
        </w:rPr>
        <w:t>oman\ls29\rin0\lin709\itap0\pararsid751010\contextualspace {\rtlch\fcs1 \ab\af0\afs22 \ltrch\fcs0 \b\fs22\expnd4\expndtw20\insrsid751010\charrsid13642871 \'c7\'e0 \'e2\'fb\'e4\'e0\'f7\'f3 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5\'e4\'e8\'f2\'ed\'ee\'e9 \'eb\'e8\'ed\'e8\'e8: }{\rtlc</w:t>
      </w:r>
      <w:r w:rsidRPr="005A1F79">
        <w:rPr>
          <w:rFonts w:ascii="Courier New" w:hAnsi="Courier New" w:cs="Courier New"/>
        </w:rPr>
        <w:t>h\fcs1 \af0\afs22 \ltrch\fcs0 \fs22\insrsid751010\charrsid13642871 30 000 \'f0\'f3\'e1. (\'e2\'e7\'e8\'ec\'e0\'e5\'f2\'f1\'ff \'e2 \'ee\'e1\'ff\'e7\'e0\'f2\'e5\'eb\'fc\'ed\'ee\'ec \'ef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\'e4\'ea\'e5, \'e5\'f1\'eb\'e8 \'f4\'e8\'ed\'e0\'ed\'f1\'e</w:t>
      </w:r>
      <w:r w:rsidRPr="005A1F79">
        <w:rPr>
          <w:rFonts w:ascii="Courier New" w:hAnsi="Courier New" w:cs="Courier New"/>
        </w:rPr>
        <w:t>e\'e2\'ee\'e5 \'f1\'ee\'f1\'f2\'ee\'ff\'ed\'e8\'e5 \'c7\'e0\'e5\'ec\'f9\'e8\'ea\'e0 \'ed\'e5 \'ec\'ee\'e6\'e5\'f2 \'e1\'fb\'f2\'fc \'ee\'f6\'e5\'ed\'e5\'ed\'ee \'ea\'e0\'ea \'ab\'f5\'ee\'f0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8\'e5\'e5\'bb \'e4\'eb\'ff \'f6\'e5\'eb\'e5\'e9 \'f4\'ee\'</w:t>
      </w:r>
      <w:r w:rsidRPr="005A1F79">
        <w:rPr>
          <w:rFonts w:ascii="Courier New" w:hAnsi="Courier New" w:cs="Courier New"/>
        </w:rPr>
        <w:t>f0\'ec\'e8\'f0\'ee\'e2\'e0\'ed\'e8\'ff \'f0\'e5\'e7\'e5\'f0\'e2\'ee\'e2 \'ed\'e0 \'ec\'ee\'ec\'e5\'ed\'f2 \'e7\'e0\'ea\'eb\'fe\'f7\'e5\'ed\'e8\'ff \'f1\'e4\'e5\'eb\'ea\'e8). \'d3\'ef\'eb\'e0\'f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2\'e0\'e5\'f2\'f1\'ff \'e4\'ee \'ef\'e5\'f0\'e2\'ee\'</w:t>
      </w:r>
      <w:r w:rsidRPr="005A1F79">
        <w:rPr>
          <w:rFonts w:ascii="Courier New" w:hAnsi="Courier New" w:cs="Courier New"/>
        </w:rPr>
        <w:t xml:space="preserve">e3\'ee \'e8\'f1\'ef\'ee\'eb\'fc\'e7\'ee\'e2\'e0\'ed\'e8\'ff \'f1\'f0\'e5\'e4\'f1\'f2\'e2 \'ef\'ee \'ea\'f0\'e5\'e4\'e8\'f2\'ed\'ee\'e9 \'f1\'e4\'e5\'eb\'ea\'e5.}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s22\expnd4\expndtw20\insrsid751010\charrsid1364287</w:t>
      </w:r>
      <w:r w:rsidRPr="005A1F79">
        <w:rPr>
          <w:rFonts w:ascii="Courier New" w:hAnsi="Courier New" w:cs="Courier New"/>
        </w:rPr>
        <w:t xml:space="preserve">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\plain \ltrpar\s30\qj \fi567\li0\ri0\widctlpar\wrapdefault\aspalpha\aspnum\faauto\adjustright\rin0\lin0\itap0\pararsid751010 \rtlch\fcs1 \af0\afs20\alang1025 \ltrch\fcs0 \fs22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b\af0\afs22 \ltrch\fcs0 \b\expnd4\expndtw20\insrsid751010\charrsid13642871 \'d8\'f2\'f0\'e0\'f4 \'e2 \'f0\'e0\'e7\'ec\'e5\'f0\'e5 0.01% \'ee\'f2 \'f1\'f3\'ec\'ec\'fb \'ee\'f1\'f2\'e0\'f2\'ea\'e0 \'ee\'f1\'ed\'ee\'e2\'ed\'ee\'e3\'ee \'e4\'ee\'eb\'e3\'e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f\'ee \'ea\'f0\'e5\'e4\'e8\'f2\'ed\'ee\'ec\'f3 \'f1\'ee\'e3\'eb\'e0\'f8\'e5\'ed\'e8\'fe, \'f1\'eb\'ee\'e6\'e8\'e2\'f8\'e5\'e3\'ee\'f1\'ff \'ed\'e0 \'ec\'ee\'ec\'e5\'ed\'f2 \'e2\'fb\'ff\'e2\'eb\'e5\'ed\'e8\'ff \'ed\'e0\'f0\'f3\'f8\'e5\'ed\'e8\'ff, 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eb\'f3\'f7\'e0\'e5 \'ed\'e5\'e8\'f1\'ef\'ee\'eb\'ed\'e5\'ed\'e8\'ff\\\'ed\'e5\'ed\'e0\'e4\'eb\'e5\'e6\'e0\'f9\'e5\'e3\'ee \'e8\'f1\'ef\'ee\'eb\'ed\'e5\'ed\'e8\'ff \'e7\'e0\'e5\'ec\'f9\'e8\'ea\'ee\'ec \'f4\'e8\'ed\'e0\'ed\'f1\'ee\'e2\'fb\'f5 \'ea\'e</w:t>
      </w:r>
      <w:r w:rsidRPr="005A1F79">
        <w:rPr>
          <w:rFonts w:ascii="Courier New" w:hAnsi="Courier New" w:cs="Courier New"/>
        </w:rPr>
        <w:t>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2\'e5\'ed\'e0\'ed\'f2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3\fs22\insrsid751010\charrsid13642871 \loch\af3\dbch\af0\hich\f3 \'b7\tab}}\pard\plain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j \fi-360\li720\ri0\nowidctlpar\wrapdefault\aspalpha\asp</w:t>
      </w:r>
      <w:r w:rsidRPr="005A1F79">
        <w:rPr>
          <w:rFonts w:ascii="Courier New" w:hAnsi="Courier New" w:cs="Courier New"/>
        </w:rPr>
        <w:t xml:space="preserve">num\faauto\ls17\adjustright\rin0\lin720\itap0\pararsid751010 \rtlch\fcs1 \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751010\charrsid13642871 \'ed\'e5\'f3\'f1\'f</w:t>
      </w:r>
      <w:r w:rsidRPr="005A1F79">
        <w:rPr>
          <w:rFonts w:ascii="Courier New" w:hAnsi="Courier New" w:cs="Courier New"/>
        </w:rPr>
        <w:t>2\'ee\'e9\'ea\'e0 \'e2 \'f0\'e0\'e7\'ec\'e5\'f0\'e5 1/365 \'ec\'e0\'ea\'f1\'e8\'ec\'e0\'eb\'fc\'ed\'ee\'e9 \'ef\'f0\'ee\'f6\'e5\'ed\'f2\'ed\'ee\'e9 \'f1\'f2\'e0\'e2\'ea\'e8 \'ee\'f2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ec\'ec\'fb \'ef\'f0\'ee\'f1\'f0\'ee\'f7\'e5\'ed\'ed\'ee\'e9 \'</w:t>
      </w:r>
      <w:r w:rsidRPr="005A1F79">
        <w:rPr>
          <w:rFonts w:ascii="Courier New" w:hAnsi="Courier New" w:cs="Courier New"/>
        </w:rPr>
        <w:t>e7\'e0\'e4\'ee\'eb\'e6\'e5\'ed\'ed\'ee\'f1\'f2\'e8 \'ef\'ee \'ce\'f1\'ed\'ee\'e2\'ed\'ee\'ec\'f3 \'e4\'ee\'eb\'e3\'f3 \'e7\'e0 \'ea\'e0\'e6\'e4\'fb\'e9 \'e4\'e5\'ed\'fc \'ef\'f0\'ee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e\'f7\'ea\'e8, \'ed\'e0\'f7\'e8\'f1\'eb\'ff\'e5\'ec\'e0\'ff \'</w:t>
      </w:r>
      <w:r w:rsidRPr="005A1F79">
        <w:rPr>
          <w:rFonts w:ascii="Courier New" w:hAnsi="Courier New" w:cs="Courier New"/>
        </w:rPr>
        <w:t xml:space="preserve">e2 \'f1\'eb\'f3\'f7\'e0\'e5 \'e2\'ee\'e7\'ed\'e8\'ea\'ed\'ee\'e2\'e5\'ed\'e8\'ff \'ef\'f0\'ee\'f1\'f0\'ee\'f7\'e5\'ed\'ed\'ee\'e9 \'e7\'e0\'e4\'ee\'eb\'e6\'e5\'ed\'ed\'ee\'f1\'f2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f\'ee \'ce\'f1\'ed\'ee\'e2\'ed\'ee\'ec\'f3 \'e4\'ee\'eb\'e3\'f3;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</w:t>
      </w:r>
      <w:r w:rsidRPr="005A1F79">
        <w:rPr>
          <w:rFonts w:ascii="Courier New" w:hAnsi="Courier New" w:cs="Courier New"/>
        </w:rPr>
        <w:t>par {\listtext\pard\plain\ltrpar \rtlch\fcs1 \af0\afs22 \ltrch\fcs0 \f3\fs22\insrsid751010\charrsid13642871 \loch\af3\dbch\af0\hich\f3 \'b7\tab}}\pard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j \fi-360\li720\ri0\widctlpar\wrapdefault\aspalpha\aspnum\faauto\ls17\adjustright\rin0\lin720\</w:t>
      </w:r>
      <w:r w:rsidRPr="005A1F79">
        <w:rPr>
          <w:rFonts w:ascii="Courier New" w:hAnsi="Courier New" w:cs="Courier New"/>
        </w:rPr>
        <w:t>itap0\pararsid751010 {\rtlch\fcs1 \af0\afs22 \ltrch\fcs0 \fs22\insrsid751010\charrsid13642871 \'ed\'e5\'f3\'f1\'f2\'ee\'e9\'ea\'e0 \'e2 2/365 \'ec\'e0\'ea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c\'e0\'eb\'fc\'ed\'ee\'e9 \'ef\'f0\'ee\'f6\'e5\'ed\'f2\'ed\'ee\'e9 \'f1\'f2\'e0\'e2\'ea\'</w:t>
      </w:r>
      <w:r w:rsidRPr="005A1F79">
        <w:rPr>
          <w:rFonts w:ascii="Courier New" w:hAnsi="Courier New" w:cs="Courier New"/>
        </w:rPr>
        <w:t>e8 \'ee\'f2 \'f1\'f3\'ec\'ec\'fb \'ef\'f0\'ee\'f1\'f0\'ee\'f7\'e5\'ed\'ed\'ee\'e9 \'e7\'e0\'e4\'ee\'eb\'e6\'e5\'ed\'ed\'ee\'f1\'f2\'e8 \'ef\'ee \'ef\'f0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6\'e5\'ed\'f2\'e0\'ec/\'ea\'ee\'ec\'e8\'f1\'f1\'e8\'ff\'ec \'e7\'e0 \'ea\'e0\'e6\'e4\'fb\'e9 \'</w:t>
      </w:r>
      <w:r w:rsidRPr="005A1F79">
        <w:rPr>
          <w:rFonts w:ascii="Courier New" w:hAnsi="Courier New" w:cs="Courier New"/>
        </w:rPr>
        <w:t>e4\'e5\'ed\'fc \'ef\'f0\'ee\'f1\'f0\'ee\'f7\'ea\'e8, \'ed\'e0\'f7\'e8\'f1\'eb\'ff\'e5\'ec\'e0\'ff \'e2 \'f1\'eb\'f3\'f7\'e0\'e5 \'e2\'ee\'e7\'ed\'e8\'ea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2\'e5\'ed\'e8\'ff \'ef\'f0\'ee\'f1\'f0\'ee\'f7\'e5\'ed\'ed\'ee\'e9 \'e7\'e0\'e4\'ee\'eb\'e6</w:t>
      </w:r>
      <w:r w:rsidRPr="005A1F79">
        <w:rPr>
          <w:rFonts w:ascii="Courier New" w:hAnsi="Courier New" w:cs="Courier New"/>
        </w:rPr>
        <w:t>\'e5\'ed\'ed\'ee\'f1\'f2\'e8 \'ef\'ee \'ef\'f0\'ee\'f6\'e5\'ed\'f2\'e0\'ec/\'ea\'ee\'ec\'e8\'f1\'f1\'e8\'e8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3\fs22\insrsid751010\charrsid13642871 \loch\af3\dbch\af0\hich\f3 \'b7\tab}\</w:t>
      </w:r>
      <w:r w:rsidRPr="005A1F79">
        <w:rPr>
          <w:rFonts w:ascii="Courier New" w:hAnsi="Courier New" w:cs="Courier New"/>
        </w:rPr>
        <w:t>'ed\'e5\'f3\'f1\'f2\'ee\'e9\'ea\'e0 \'e2 \'f0\'e0\'e7\'ec\'e5\'f0\'e5 1/365 \'ec\'e0\'ea\'f1\'e8\'ec\'e0\'e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e9 \'ef\'f0\'ee\'f6\'e5\'ed\'f2\'ed\'ee\'e9 \'f1\'f2\'e0\'e2\'ea\'e8 \'ee\'f2 \'f1\'f3\'ec\'ec\'fb \'ed\'e5\'e8\'f1\'ef\'ee\'eb\'ed\</w:t>
      </w:r>
      <w:r w:rsidRPr="005A1F79">
        <w:rPr>
          <w:rFonts w:ascii="Courier New" w:hAnsi="Courier New" w:cs="Courier New"/>
        </w:rPr>
        <w:t>'e5\'ed\'ed\'ee\'e3\'ee \'e8\'eb\'e8 \'ed\'e5\'ed\'e0\'e4\'eb\'e5\'e6\'e0\'f9\'e8\'ec \'ee\'e1\'f0\'e0\'e7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 \'e8\'f1\'ef\'ee\'eb\'ed\'e5\'ed\'ed\'ee\'e3\'ee \'ee\'e1\'ff\'e7\'e0\'f2\'e5\'eb\'fc\'f1\'f2\'e2\'e0 \'e7\'e0 \'ea\'e0\'e6\'e4\'fb\'e9 \'e</w:t>
      </w:r>
      <w:r w:rsidRPr="005A1F79">
        <w:rPr>
          <w:rFonts w:ascii="Courier New" w:hAnsi="Courier New" w:cs="Courier New"/>
        </w:rPr>
        <w:t xml:space="preserve">4\'e5\'ed\'fc \'ef\'f0\'ee\'f1\'f0\'ee\'f7\'ea\'e8,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expnd4\expndtw20\insrsid751010\charrsid13642871  \'e2 \'f1\'eb\'f3\'f7\'e0\'e5 \'ed\'e5\'e8\'f1\'ef\'ee\'eb\'ed\'e5\'ed\'e8\'ff \'e8\'eb\'e8 \'ed\'e5\'ed\'e0</w:t>
      </w:r>
      <w:r w:rsidRPr="005A1F79">
        <w:rPr>
          <w:rFonts w:ascii="Courier New" w:hAnsi="Courier New" w:cs="Courier New"/>
        </w:rPr>
        <w:t>\'e4\'eb\'e5\'e6\'e0\'f9\'e5\'e3\'ee \'e8\'f1\'ef\'ee\'eb\'ed\'e5\'ed\'e8\'ff \'cf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f7\'e8\'f2\'e5\'eb\'e5\'ec \'e4\'e5\'ed\'e5\'e6\'ed\'fb\'f5 \'ee\'e1\'ff\'e7\'e0\'f2\'e5\'eb\'fc\'f1\'f2\'e2 \'ef\'ee \'c4\'ee\'e3\'ee\'e2\'ee\'f0\'f3 \'ef\'e</w:t>
      </w:r>
      <w:r w:rsidRPr="005A1F79">
        <w:rPr>
          <w:rFonts w:ascii="Courier New" w:hAnsi="Courier New" w:cs="Courier New"/>
        </w:rPr>
        <w:t>e\'f0\'f3\'f7\'e8\'f2\'e5\'eb\'fc\'f1\'f2\'e2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751010 {\rtlch\fcs1 \ab\af0\afs22 \ltrch\fcs0 \fs22\expnd4\expndtw20\insrsid751010\charrsid1</w:t>
      </w:r>
      <w:r w:rsidRPr="005A1F79">
        <w:rPr>
          <w:rFonts w:ascii="Courier New" w:hAnsi="Courier New" w:cs="Courier New"/>
        </w:rPr>
        <w:t>3642871 \'c8\'ed\'fb\'e5 \'ea\'ee\'ec\'e8\'f1\'f1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, \'ed\'e0\'e4\'e1\'e0\'e2\'ea\'e8 \'ea \'ef\'f0\'ee\'f6\'e5\'ed\'f2\'ed\'ee\'e9 \'f1\'f2\'e0\'e2\'ea\'e5 \'e8 \'f1\'e0\'ed\'ea\'f6\'e8\'e8 (\'ed\'e5\'f3\'f1\'f2\'ee\'e9\'ea\'e8, \'f8\'f2\'f0\'e0\'</w:t>
      </w:r>
      <w:r w:rsidRPr="005A1F79">
        <w:rPr>
          <w:rFonts w:ascii="Courier New" w:hAnsi="Courier New" w:cs="Courier New"/>
        </w:rPr>
        <w:t>f4\'fb, \'ef\'e5\'ed\'e8 \'e8 \'f2.\'e4.), \'ef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4\'f3\'f1\'ec\'ee\'f2\'f0\'e5\'ed\'ed\'fb\'e5 \'ea\'f0\'e5\'e4\'e8\'f2\'ed\'fb\'ec \'f1\'ee\'e3\'eb\'e0\'f8\'e5\'ed\'e8\'e5\'ec \'e8 \'e4\'ee\'e3\'ee\'e2\'ee\'f0\'ee\'ec \'ef\'ee\'f0\'f3\'f7\'e8\'</w:t>
      </w:r>
      <w:r w:rsidRPr="005A1F79">
        <w:rPr>
          <w:rFonts w:ascii="Courier New" w:hAnsi="Courier New" w:cs="Courier New"/>
        </w:rPr>
        <w:t xml:space="preserve">f2\'e5\'eb\'fc\'f1\'f2\'e2\'e0.   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f0\afs22 \ltrch\fcs0 \fs22\insrsid75101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8323676 {\rtlch\fcs1 \af0\afs22</w:t>
      </w:r>
      <w:r w:rsidRPr="005A1F79">
        <w:rPr>
          <w:rFonts w:ascii="Courier New" w:hAnsi="Courier New" w:cs="Courier New"/>
        </w:rPr>
        <w:t xml:space="preserve"> \ltrch\fcs0 \b\fs22\insrsid8323676\charrsid7510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4880303\contextualspace {\rtlch\fcs1 \ab\af0\afs22 \ltrch\fcs0 \b\fs22\insrsid1991179\char</w:t>
      </w:r>
      <w:r w:rsidRPr="005A1F79">
        <w:rPr>
          <w:rFonts w:ascii="Courier New" w:hAnsi="Courier New" w:cs="Courier New"/>
        </w:rPr>
        <w:t xml:space="preserve">rsid538368 \'c2\'ee\'ef\'f0\'ee\'f1 \'b9 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b\af0\afs22 \ltrch\fcs0 \b\fs22\insrsid1991179 7}{\rtlch\fcs1 \ab\af0\afs22 \ltrch\fcs0 \b\fs22\insrsid1991179\charrsid538368  \'ef\'ee\'e2\'e5\'f1\'f2\'ea\'e8 \'e4\'ed\'ff \'ee\'e1\'f9\'e5\'e3\'ee</w:t>
      </w:r>
      <w:r w:rsidRPr="005A1F79">
        <w:rPr>
          <w:rFonts w:ascii="Courier New" w:hAnsi="Courier New" w:cs="Courier New"/>
        </w:rPr>
        <w:t xml:space="preserve"> \'f1\'ee\'e1\'f0\'e0\'ed\'e8\'ff: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1991179\charrsid1991179  }{\rtlch\fcs1 \af0\afs22 \ltrch\fcs0 \fs22\insrsid4880303\charrsid7568469 \'ce\'e1 \'ee\'e4\'ee\'e1\'f0\'e5\'ed\'e8\'e8 \'ea\'f0\'f3\'ef\'ed\'ee\</w:t>
      </w:r>
      <w:r w:rsidRPr="005A1F79">
        <w:rPr>
          <w:rFonts w:ascii="Courier New" w:hAnsi="Courier New" w:cs="Courier New"/>
        </w:rPr>
        <w:t>'e9 \'f1\'e4\'e5\'eb\'ea\'e8 \'ec\'e5\'e6\'e4\'f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\'c0\'ce \'ab\'d2\'e5\'f0\'ec\'e8\'ed\'e0\'eb \'c0\'f1\'f2\'e0\'f4\'fc\'e5\'e2\'e0\'bb (\'c8\'cd\'cd 2508001618) \'e8 \'c1\'e0\'ed\'ea\'ee\'ec \'c2\'d2\'c1 (\'ef\'f3\'e1\'eb\'e8\'f7\'ed\'ee\'e5 \'e0\'ea\'</w:t>
      </w:r>
      <w:r w:rsidRPr="005A1F79">
        <w:rPr>
          <w:rFonts w:ascii="Courier New" w:hAnsi="Courier New" w:cs="Courier New"/>
        </w:rPr>
        <w:t>f6\'e8\'ee\'ed\'e5\'f0\'ed\'ee\'e5 \'ee\'e1\'f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f1\'f2\'e2\'ee)\endash  \'ea\'f0\'e5\'e4\'e8\'f2\'ed\'ee\'e3\'ee \'f1\'ee\'e3\'eb\'e0\'f8\'e5\'ed\'e8\'ff \'b9 \'ca\'d1-\'d6\'d3-702750/2021/00038 \'ee\'f2 01.07.2021 \'e3., \'e7\'e0\'ea\'eb\'fe\'f7\'e</w:t>
      </w:r>
      <w:r w:rsidRPr="005A1F79">
        <w:rPr>
          <w:rFonts w:ascii="Courier New" w:hAnsi="Courier New" w:cs="Courier New"/>
        </w:rPr>
        <w:t>5\'ed\'ed\'ee\'e3\'ee \'ec\'e5\'e6\'e4\'f3 \'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 \'ab\'d2\'e5\'f0\'ec\'e8\'ed\'e0\'eb \'c0\'f1\'f2\'e0\'f4\'fc\'e5\'e2\'e0\'bb (\'c8\'cd\'cd 2508001618) \'e8 \'c1\'e0\'ed\'ea\'ee\'ec \'c2\'d2\'c1 (\'cf\'c0\'ce), \'ee \'e2\'fb\'e4\'e0\'f7\'e5 \'ea\'f0\</w:t>
      </w:r>
      <w:r w:rsidRPr="005A1F79">
        <w:rPr>
          <w:rFonts w:ascii="Courier New" w:hAnsi="Courier New" w:cs="Courier New"/>
        </w:rPr>
        <w:t>'e5\'e4\'e8\'f2\'e0 \'e2 \'e2\'e8\'e4\'e5 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5\'e4\'e8\'f2\'ed\'ee\'e9 \'eb\'e8\'ed\'e8\'e8 \'f1 \'eb\'e8\'ec\'e8\'f2\'ee\'ec \'e2\'fb\'e4\'e0\'f7\'e8 \'e2 \'f1\'f3\'ec\'ec\'e5 330 \'ec\'eb\'ed. \'f0\'f3\'e1\'eb\'e5\'e9 \'f1\'f0\'ee\'ea\'ee\'ec \</w:t>
      </w:r>
      <w:r w:rsidRPr="005A1F79">
        <w:rPr>
          <w:rFonts w:ascii="Courier New" w:hAnsi="Courier New" w:cs="Courier New"/>
        </w:rPr>
        <w:t>'e4\'ee 2555 \'e4\'ed\'e5\'e9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\ltrpar\qj \li0\ri0\widctlpar\wrapdefault\aspalpha\aspnum\faauto\adjustright\rin0\lin0\itap0\pararsid1991179 {\rtlch\fcs1 \af0\afs22 \ltrch\fcs0 \fs22\insrsid832367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</w:t>
      </w:r>
      <w:r w:rsidRPr="005A1F79">
        <w:rPr>
          <w:rFonts w:ascii="Courier New" w:hAnsi="Courier New" w:cs="Courier New"/>
        </w:rPr>
        <w:t>apdefault\aspalpha\aspnum\faauto\adjustright\rin0\lin0\itap0\pararsid8323676 {\rtlch\fcs1 \ab\af0\afs22 \ltrch\fcs0 \b\fs22\insrsid472349\charrsid538368 \'d0\'e5\'e7\'f3\'eb\'fc\'f2\'e0\'f2\'fb \'e3\'ee\'eb\'ee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2\'e0\'ed\'e8\'ff}{\rtlch\fcs1 \a</w:t>
      </w:r>
      <w:r w:rsidRPr="005A1F79">
        <w:rPr>
          <w:rFonts w:ascii="Courier New" w:hAnsi="Courier New" w:cs="Courier New"/>
        </w:rPr>
        <w:t>f0\afs22 \ltrch\fcs0 \b\fs22\insrsid472349\charrsid538368  }{\rtlch\fcs1 \af0\afs22 \ltrch\fcs0 \b\fs22\insrsid8323676\charrsid538368 \'ef\'ee }{\rtlch\fcs1 \af0\afs22 \ltrch\fcs0 \b\fs22\insrsid8323676 \'f1\'e5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c\'ec\'ee\'ec\'f3}{\rtlch\fcs1 \af0\</w:t>
      </w:r>
      <w:r w:rsidRPr="005A1F79">
        <w:rPr>
          <w:rFonts w:ascii="Courier New" w:hAnsi="Courier New" w:cs="Courier New"/>
        </w:rPr>
        <w:t>afs22 \ltrch\fcs0 \b\fs22\insrsid8323676\charrsid538368  \'e2\'ee\'ef\'f0\'ee\'f1\'f3 \'ef\'ee\'e2\'e5\'f1\'f2\'ea\'e8 \'e4\'ed\'ff:}{\rtlch\fcs1 \af0\afs22 \ltrch\fcs0 \b\fs22\cf6\insrsid8323676\charrsid538368  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b\fs</w:t>
      </w:r>
      <w:r w:rsidRPr="005A1F79">
        <w:rPr>
          <w:rFonts w:ascii="Courier New" w:hAnsi="Courier New" w:cs="Courier New"/>
        </w:rPr>
        <w:t xml:space="preserve">22\cf6\insrsid832367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sb120\widctlpar\tx4536\wrapdefault\aspalpha\aspnum\faauto\adjustright\rin0\lin0\itap0\pararsid4880303 {\rtlch\fcs1 \af0\afs22 \ltrch\fcs0 \fs22\insrsid4880303\charrsid2451716 \'d7\'e8\'f1\'eb\'ee \'e3</w:t>
      </w:r>
      <w:r w:rsidRPr="005A1F79">
        <w:rPr>
          <w:rFonts w:ascii="Courier New" w:hAnsi="Courier New" w:cs="Courier New"/>
        </w:rPr>
        <w:t xml:space="preserve">\'ee\'eb\'ee\'f1\'ee\'e2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a\'ee\'f2\'ee\'f0\'fb\'ec\'e8 \'ee\'e1\'eb\'e0\'e4\'e0\'eb\'e8 \'eb\'e8\'f6\'e0, \'e2\'ea\'eb\'fe\'f7\'e5\'ed\'ed\'fb\'e5 \'e2 \'f1\'ef\'e8\'f1\'ee\'ea \'eb\'e8\'f6, \'e8\'ec\'e5\'e2\'f8\'e8\'f5 \'ef\'f0\'e0\'e2\'ee \'ed\'e0 </w:t>
      </w:r>
      <w:r w:rsidRPr="005A1F79">
        <w:rPr>
          <w:rFonts w:ascii="Courier New" w:hAnsi="Courier New" w:cs="Courier New"/>
        </w:rPr>
        <w:t>\'f3\'f7\'e0\'f1\'f2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2  \'ee\'e1\'f9\'e5\'ec \'f1\'ee\'e1\'f0\'e0\'ed\'e8\'e8 \'e0\'ea\'f6\'e8\'ee\'ed\'e5\'f0\'ee\'e2, \'ef\'ee \'e4\'e0\'ed\'ed\'ee\'ec\'f3 \'e2\'ee\'ef\'f0\'ee\'f1\'f3 \'ef\'ee\'e2\'e5\'f1\'f2\'ea\'e8 \'e4\'ed\'ff \'ee\'e1\'</w:t>
      </w:r>
      <w:r w:rsidRPr="005A1F79">
        <w:rPr>
          <w:rFonts w:ascii="Courier New" w:hAnsi="Courier New" w:cs="Courier New"/>
        </w:rPr>
        <w:t>f9\'e5\'e3\'ee \'f1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1\'f0\'e0\'ed\'e8\'ff, -  830 380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f\'f0\'e8\'f5\'ee\'e4\'e8\'e2\'f8\'e8\'f5\'f1\'ff \'ed\'e0 \'e3\'ee\'eb\'ee\'f1\'f3\'fe\'f9\'e8\'e5 \'e0\'ea\'f6\'e8\'e8 \'ee\'e1\'f</w:t>
      </w:r>
      <w:r w:rsidRPr="005A1F79">
        <w:rPr>
          <w:rFonts w:ascii="Courier New" w:hAnsi="Courier New" w:cs="Courier New"/>
        </w:rPr>
        <w:t>9\'e5\'f1\'f2\'e2\'e0, \'ef\'ee \'e4\'e0\'ed\'ed\'ee\'ec\'f3 \'e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e\'f1\'f3 \'ef\'ee\'e2\'e5\'f1\'f2\'ea\'e8 \'e4\'ed\'ff \'ee\'e1\'f9\'e5\'e3\'ee \'f1\'ee\'e1\'f0\'e0\'ed\'e8\'ff, \'ee\'ef\'f0\'e5\'e4\'e5\'eb\'e5\'ed\'ed\'ee\'e5 \'f1 \'f3\</w:t>
      </w:r>
      <w:r w:rsidRPr="005A1F79">
        <w:rPr>
          <w:rFonts w:ascii="Courier New" w:hAnsi="Courier New" w:cs="Courier New"/>
        </w:rPr>
        <w:t>'f7\'e5\'f2\'ee\'ec \'f2\'f0\'e5\'e1\'ee\'e2\'e0\'ed\'e8\'e9 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. 4.24. \'cf\'ee\'eb\'ee\'e6\'e5\'ed\'e8\'e5 \'c1\'e0\'ed\'ea\'e0 \'d0\'ee\'f1\'f1\'e8\'e8 \'b9 660-\'cf \'ee\'f2 16.11.2018\'e3. \'ab\'ce\'e1 \'ee\'e1\'f9\'e8\'f5 \'f1\'ee\'e1\'f0\'e0\'ed\</w:t>
      </w:r>
      <w:r w:rsidRPr="005A1F79">
        <w:rPr>
          <w:rFonts w:ascii="Courier New" w:hAnsi="Courier New" w:cs="Courier New"/>
        </w:rPr>
        <w:t xml:space="preserve">'e8\'ff\'f5 \'e0\'ea\'f6\'e8\'ee\'ed\'e5\'f0\'ee\'e2\'bb, \endash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472 104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\'d7\'e8\'f1\'eb\'ee \'e3\'ee\'eb\'ee\'f1\'ee\'e2, \'ea\'ee\'f2\'ee\'f0\'fb\'ec\'e8 \'ee\'e1\'eb\'e0\'e4\'e0\'eb\'e8 \'eb\'e8\'f6\'e0, \'ef\'f0\'e8\'ed\'ff\'e2\'f8\'e8\'e5 </w:t>
      </w:r>
      <w:r w:rsidRPr="005A1F79">
        <w:rPr>
          <w:rFonts w:ascii="Courier New" w:hAnsi="Courier New" w:cs="Courier New"/>
        </w:rPr>
        <w:t>\'f3\'f7\'e0\'f1\'f2\'e8\'e5  \'e2 \'ee\'e1\'f9\'e5\'ec  \'f1\'ee\'e1\'f0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8, \'ef\'ee \'e4\'e0\'ed\'ed\'ee\'ec\'f3 \'e2\'ee\'ef\'f0\'ee\'f1\'f3 \'ef\'ee\'e2\'e5\'f1\'f2\'ea\'e8 \'e4\'ed\'ff \'f1\'ee\'e1\'f0\'e0\'ed\'e8\'ff,  - }{\rtlch\fcs1</w:t>
      </w:r>
      <w:r w:rsidRPr="005A1F79">
        <w:rPr>
          <w:rFonts w:ascii="Courier New" w:hAnsi="Courier New" w:cs="Courier New"/>
        </w:rPr>
        <w:t xml:space="preserve"> \af0\afs22 \ltrch\fcs0 \fs22\insrsid4880303 383 648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4880303\charrsid2451716 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x4536\wrapdefault\aspalpha\aspnum\faauto\adjustright\rin0\lin0\itap0\pararsid48803</w:t>
      </w:r>
      <w:r w:rsidRPr="005A1F79">
        <w:rPr>
          <w:rFonts w:ascii="Courier New" w:hAnsi="Courier New" w:cs="Courier New"/>
        </w:rPr>
        <w:t>03 {\rtlch\fcs1 \af0\afs22 \ltrch\fcs0 \fs22\insrsid4880303\charrsid2451716 \'ca\'e2\'ee\'f0\'f3\'ec \'ef\'ee \'e4\'e0\'ed\'ed\'ee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 \'e2\'ee\'ef\'f0\'ee\'f1\'f3 \'ef\'ee\'e2\'e5\'f1\'f2\'ea\'e8 \'e4\'ed\'ff \'e8\'ec\'e5}{\rtlch\fcs1 \af0\afs22 \lt</w:t>
      </w:r>
      <w:r w:rsidRPr="005A1F79">
        <w:rPr>
          <w:rFonts w:ascii="Courier New" w:hAnsi="Courier New" w:cs="Courier New"/>
        </w:rPr>
        <w:t xml:space="preserve">rch\fcs0 \fs22\insrsid4880303 \'eb\'f1\'ff}{\rtlch\fcs1 \af0\afs22 \ltrch\fcs0 \fs22\insrsid4880303\charrsid2451716 .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f0\afs22 \ltrch\fcs0 \fs22\insrsid4880303\charrsid1287735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4\qj \li0\ri0\widctlpar\tx4536\w</w:t>
      </w:r>
      <w:r w:rsidRPr="005A1F79">
        <w:rPr>
          <w:rFonts w:ascii="Courier New" w:hAnsi="Courier New" w:cs="Courier New"/>
        </w:rPr>
        <w:t xml:space="preserve">rapdefault\aspalpha\aspnum\faauto\adjustright\rin0\lin0\itap0\pararsid4880303 \rtlch\fcs1 \af0\afs20\alang1025 \ltrch\fcs0 \fs24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4880303\charrsid2451716 \'</w:t>
      </w:r>
      <w:r w:rsidRPr="005A1F79">
        <w:rPr>
          <w:rFonts w:ascii="Courier New" w:hAnsi="Courier New" w:cs="Courier New"/>
        </w:rPr>
        <w:t>d7\'e8\'f1\'eb\'ee \'e3\'ee\'eb\'ee\'f1\'ee\'e2, \'ee\'f2\'e4\'e0\'ed\'ed\'fb\'f5 \'e7\'e0 \'ea\'e0\'e6\'e4\'fb\'e9 \'e8\'e7 \'e2\'e0\'f0\'e8\'e0\'ed\'f2\'ee\'e2 \'e3\'ee\'eb\'ee\'f1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d\'e8\'ff \'ef\'ee \'e4\'e0\'ed\'ed\'ee\'ec\'f3 \'e2\'ee\</w:t>
      </w:r>
      <w:r w:rsidRPr="005A1F79">
        <w:rPr>
          <w:rFonts w:ascii="Courier New" w:hAnsi="Courier New" w:cs="Courier New"/>
        </w:rPr>
        <w:t>'ef\'f0\'ee\'f1\'f3 \'ef\'ee\'e2\'e5\'f1\'f2\'ea\'e8 \'e4\'ed\'ff \'f1\'ee\'e1\'f0\'e0\'ed\'e8\'ff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fi709\li0\ri0\widctlpar\wrapdefault\aspalpha\aspnum\faauto\adjustright\rin0\lin0\itap0\pararsid4880303 \rtlch\fcs1 \af0\afs20</w:t>
      </w:r>
      <w:r w:rsidRPr="005A1F79">
        <w:rPr>
          <w:rFonts w:ascii="Courier New" w:hAnsi="Courier New" w:cs="Courier New"/>
        </w:rPr>
        <w:t xml:space="preserve">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4880303\charrsid4880303 \'ab\'e7\'e0\'bb -  383 621;     \'ab\'ef\'f0\'ee\'f2\'e8\'e2\'bb -  0;     \'ab\'e2\'ee\'e7\'e4\'e5\'</w:t>
      </w:r>
      <w:r w:rsidRPr="005A1F79">
        <w:rPr>
          <w:rFonts w:ascii="Courier New" w:hAnsi="Courier New" w:cs="Courier New"/>
        </w:rPr>
        <w:t>f0\'e6\'e0\'eb\'f1\'ff\'bb - 0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\ltrpar\qj \li0\ri0\widctlpar\wrapdefault\aspalpha\aspnum\faauto\adjustright\rin0\lin0\itap0\pararsid8323676 {\rtlch\fcs1 \af0\afs22 \ltrch\fcs0 \b\fs22\cf6\insrsid47234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</w:t>
      </w:r>
      <w:r w:rsidRPr="005A1F79">
        <w:rPr>
          <w:rFonts w:ascii="Courier New" w:hAnsi="Courier New" w:cs="Courier New"/>
        </w:rPr>
        <w:t xml:space="preserve">par\wrapdefault\aspalpha\aspnum\faauto\adjustright\rin0\lin0\itap0\pararsid1991179 {\rtlch\fcs1 \af0\afs22 \ltrch\fcs0 \b\fs22\insrsid8323676\charrsid8466180 \'d0\'e5\'f8\'e5\'ed\'e8\'e5 \'f1\'ee\'e1\'f0\'e0\'ed\'e8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e \'f1\'e5\'e4\'fc\'ec\'ee\</w:t>
      </w:r>
      <w:r w:rsidRPr="005A1F79">
        <w:rPr>
          <w:rFonts w:ascii="Courier New" w:hAnsi="Courier New" w:cs="Courier New"/>
        </w:rPr>
        <w:t xml:space="preserve">'ec\'f3 \'e2\'ee\'ef\'f0\'ee\'f1\'f3 \'ef\'ee\'e2\'e5\'f1\'f2\'ea\'e8 \'e4\'ed\'ff: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8466180 {\rtlch\fcs1 \af0\afs22 \ltrch\fcs0 \fs22\insrsid</w:t>
      </w:r>
      <w:r w:rsidRPr="005A1F79">
        <w:rPr>
          <w:rFonts w:ascii="Courier New" w:hAnsi="Courier New" w:cs="Courier New"/>
        </w:rPr>
        <w:t xml:space="preserve">8466180 \'ce}{\rtlch\fcs1 \af0\afs22 \ltrch\fcs0 \fs22\insrsid846618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e\'e1\'f0\'e8\'f2\'fc \'ea\'f0\'f3\'ef\'ed\'f3\'fe \'f1\'e4\'e5\'eb\'ea\'f3 \'ec\'e5\'e6\'e4\'f3 \'c0\'ce \'ab\'d2\'e5\'f0\'ec\'e8\'ed\'e0\'eb \'c0\'f1\'f2\'e0\</w:t>
      </w:r>
      <w:r w:rsidRPr="005A1F79">
        <w:rPr>
          <w:rFonts w:ascii="Courier New" w:hAnsi="Courier New" w:cs="Courier New"/>
        </w:rPr>
        <w:t>'f4\'fc\'e5\'e2\'e0\'bb (\'c8\'cd\'cd 2508001618) \'e8 \'c1\'e0\'ed\'ea\'ee\'ec \'c2\'d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1 (\'ef\'f3\'e1\'eb\'e8\'f7\'ed\'ee\'e5 \'e0\'ea\'f6\'e8\'ee\'ed\'e5\'f0\'ed\'ee\'e5 \'ee\'e1\'f9\'e5\'f1\'f2\'e2\'ee) \endash  \'ea\'f0\'e5\'e4\'e8\'f2\'ed\'ee\'e</w:t>
      </w:r>
      <w:r w:rsidRPr="005A1F79">
        <w:rPr>
          <w:rFonts w:ascii="Courier New" w:hAnsi="Courier New" w:cs="Courier New"/>
        </w:rPr>
        <w:t>5 \'f1\'ee\'e3\'eb\'e0\'f8\'e5\'ed\'e8\'e5\~\'b9 \'ca\'d1-\'d6\'d3-702750/2021/00038 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 01.07.2021 \'e3., \'e7\'e0\'ea\'eb\'fe\'f7\'e5\'ed\'ed\'ee\'e5 \'ec\'e5\'e6\'e4\'f3 \'c0\'ce \'ab\'d2\'e5\'f0\'ec\'e8\'ed\'e0\'eb \'c0\'f1\'f2\'e0\'f4\'fc\'e5\'</w:t>
      </w:r>
      <w:r w:rsidRPr="005A1F79">
        <w:rPr>
          <w:rFonts w:ascii="Courier New" w:hAnsi="Courier New" w:cs="Courier New"/>
        </w:rPr>
        <w:t>e2\'e0\'bb (\'c8\'cd\'cd 2508001618) \'e8 \'c1\'e0\'ed\'ea\'ee\'ec \'c2\'d2\'c1 (\'cf\'c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), \'ee \'e2\'fb\'e4\'e0\'f7\'e5 \'ea\'f0\'e5\'e4\'e8\'f2\'e0 \'e2 \'e2\'e8\'e4\'e5 \'ea\'f0\'e5\'e4\'e8\'f2\'ed\'ee\'e9 \'eb\'e8\'ed\'e8\'e8 \'f1 \'eb\'e8\'ec\'</w:t>
      </w:r>
      <w:r w:rsidRPr="005A1F79">
        <w:rPr>
          <w:rFonts w:ascii="Courier New" w:hAnsi="Courier New" w:cs="Courier New"/>
        </w:rPr>
        <w:t>e8\'f2\'ee\'ec \'e2\'fb\'e4\'e0\'f7\'e8 \'e2 \'f1\'f3\'ec\'ec\'e5 330 \'ec\'eb\'ed. 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e1\'eb\'e5\'e9 \'f1\'f0\'ee\'ea\'ee\'ec \'e4\'ee 2555 \'e4\'ed\'e5\'e9 (\'e4\'e0\'eb\'e5\'e5 \'f2\'e0\'ea\'e6\'e5 \'d1\'ee\'e3\'eb\'e0\'f8\'e5\'ed\'e8\'e5/\'ca\</w:t>
      </w:r>
      <w:r w:rsidRPr="005A1F79">
        <w:rPr>
          <w:rFonts w:ascii="Courier New" w:hAnsi="Courier New" w:cs="Courier New"/>
        </w:rPr>
        <w:t>'f0\'e5\'e4\'e8\'f2\'ed\'ee\'e5 \'f1\'ee\'e3\'eb\'e0\'f8\'e5\'ed\'e8\'e5) \'ed\'e0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4\'f3\'fe\'f9\'e8\'f5 \'f3\'f1\'eb\'ee\'e2\'e8\'ff\'f5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8\li0\ri0\widctlpar\wrapdefault\aspalpha\aspnum\faauto\adjustright\rin0</w:t>
      </w:r>
      <w:r w:rsidRPr="005A1F79">
        <w:rPr>
          <w:rFonts w:ascii="Courier New" w:hAnsi="Courier New" w:cs="Courier New"/>
        </w:rPr>
        <w:t>\lin0\itap0\pararsid8466180 {\rtlch\fcs1 \ab\af0\afs22 \ltrch\fcs0 \b\fs22\expnd4\expndtw20\insrsid8466180\charrsid13642871 \'c2\'e8\'e4 \'f1\'e4\'e5\'eb\'ea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:}{\rtlch\fcs1 \ab\af0\afs22 \ltrch\fcs0 \fs22\expnd4\expndtw20\insrsid8466180\charrsid136428</w:t>
      </w:r>
      <w:r w:rsidRPr="005A1F79">
        <w:rPr>
          <w:rFonts w:ascii="Courier New" w:hAnsi="Courier New" w:cs="Courier New"/>
        </w:rPr>
        <w:t>71  \'ca\'f0\'e5\'e4\'e8\'f2\'ed\'e0\'ff \'eb\'e8\'ed\'e8\'ff \'f1 \'eb\'e8\'ec\'e8\'f2\'ee\'ec \'e2\'fb\'e4\'e0\'f7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567\li0\ri0\widctlpar\wrapdefault\aspalpha\aspnum\faauto\adjustright\rin0\lin0\itap0\pararsid8466180 {\rtlc</w:t>
      </w:r>
      <w:r w:rsidRPr="005A1F79">
        <w:rPr>
          <w:rFonts w:ascii="Courier New" w:hAnsi="Courier New" w:cs="Courier New"/>
        </w:rPr>
        <w:t xml:space="preserve">h\fcs1 \ab\af0\afs22 \ltrch\fcs0 \fs22\expnd4\expndtw20\insrsid8466180\charrsid13642871 - \'ca\'f0\'e5\'e4\'e8\'f2\'ee\'f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endash  \'c1\'e0\'ed\'ea \'c2\'d2\'c1 (\'cf\'c0\'ce)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 \'c7\'e0\'e5\'ec\'f9\'e8\'ea \endash  \'c0\'ce \'ab\'d2\'e5\'f0\'ec\'</w:t>
      </w:r>
      <w:r w:rsidRPr="005A1F79">
        <w:rPr>
          <w:rFonts w:ascii="Courier New" w:hAnsi="Courier New" w:cs="Courier New"/>
        </w:rPr>
        <w:t xml:space="preserve">e8\'ed\'e0\'eb \'c0\'f1\'f2\'e0\'f4\'fc\'e5\'e2\'e0\'bb (\'c8\'cd\'cd 2508001618) 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8\li0\ri0\widctlpar\wrapdefault\aspalpha\aspnum\faauto\adjustright\rin0\lin0\itap0\pararsid8466180 {\rtlch\fcs1 \ab\af0\afs22 \ltrch\fcs0 \b\f</w:t>
      </w:r>
      <w:r w:rsidRPr="005A1F79">
        <w:rPr>
          <w:rFonts w:ascii="Courier New" w:hAnsi="Courier New" w:cs="Courier New"/>
        </w:rPr>
        <w:t>s22\expnd4\expndtw20\insrsid8466180\charrsid13642871 \'d1\'f3\'ec\'ec\'e0 \'f1\'e4\'e5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8:}{\rtlch\fcs1 \ab\af0\afs22 \ltrch\fcs0 \fs22\expnd4\expndtw20\insrsid8466180\charrsid13642871  330 000\~000,00 (\'f2\'f0\'e8\'f1\'f2\'e0 \'f2\'f0\'e8\'e4\</w:t>
      </w:r>
      <w:r w:rsidRPr="005A1F79">
        <w:rPr>
          <w:rFonts w:ascii="Courier New" w:hAnsi="Courier New" w:cs="Courier New"/>
        </w:rPr>
        <w:t>'f6\'e0\'f2\'fc \'ec\'e8\'eb\'eb\'e8\'ee\'ed\'ee\'e2) \'f0\'f3\'e1\'eb\'e5\'e9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i\af0\afs22 \ltrch\fcs0 \fs22\insrsid846618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8466180\charrsid136</w:t>
      </w:r>
      <w:r w:rsidRPr="005A1F79">
        <w:rPr>
          <w:rFonts w:ascii="Courier New" w:hAnsi="Courier New" w:cs="Courier New"/>
        </w:rPr>
        <w:t>42871 \'d1\'f0\'ee\'ea \'f1\'e4\'e5\'eb\'ea\'e8: }{\rtlch\fcs1 \ab\af0\afs22 \ltrch\fcs0 \fs22\expnd4\expndtw20\insrsid8466180\charrsid13642871 2555 \'e4\'ed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8466180\c</w:t>
      </w:r>
      <w:r w:rsidRPr="005A1F79">
        <w:rPr>
          <w:rFonts w:ascii="Courier New" w:hAnsi="Courier New" w:cs="Courier New"/>
        </w:rPr>
        <w:t xml:space="preserve">harrsid13642871 \'d1\'f0\'ee\'ea \'e8\'f1\'ef\'ee\'eb\'fc\'e7\'ee\'e2\'e0\'ed\'e8\'ff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expnd4\expndtw20\insrsid8466180\charrsid13642871  \endash  170 \'ea\'e0\'eb\'e5\'ed\'e4\'e0\'f0\'ed\'fb\'f5 \'e4\'ed\'e5\'e</w:t>
      </w:r>
      <w:r w:rsidRPr="005A1F79">
        <w:rPr>
          <w:rFonts w:ascii="Courier New" w:hAnsi="Courier New" w:cs="Courier New"/>
        </w:rPr>
        <w:t>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8466180\charrsid13642871 \'c3\'f0\'e0\'f4\'e8\'ea \'ef\'ee\'e3\'e0\'f8\'e5\'ed\'e8\'ff:}{\rtlch\fcs1 \af0\afs22 \ltrch\fcs0 \fs22\insrsid8466180\charrsid13642871  \'c5\'e6\'e5\</w:t>
      </w:r>
      <w:r w:rsidRPr="005A1F79">
        <w:rPr>
          <w:rFonts w:ascii="Courier New" w:hAnsi="Courier New" w:cs="Courier New"/>
        </w:rPr>
        <w:t>'ec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f\'f7\'ed\'ee, \'e2 \'ef\'e5\'f0\'e8\'ee\'e4 \'f1 08 \'ef\'ee 14 \'f7\'e8\'f1\'eb\'ee \'ec\'e5\'f1\'ff\'f6\'e0, \'ed\'e0\'f7\'e8\'ed\'e0\'ff \'f1 13 \'ec\'e5\'f1\'ff\'f6\'e0 \'f1\'f0\'ee\'ea\'e0 \'e4\'e5\'e9\'f1\'f2\'e2\'e8\'ff \'ca\'f0\'e5</w:t>
      </w:r>
      <w:r w:rsidRPr="005A1F79">
        <w:rPr>
          <w:rFonts w:ascii="Courier New" w:hAnsi="Courier New" w:cs="Courier New"/>
        </w:rPr>
        <w:t>\'e4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d\'ee\'e3\'ee \'f1\'ee\'e3\'eb\'e0\'f8\'e5\'ed\'e8\'ff, (1-\'fb\'e9 \'ec\'e5\'f1\'ff\'f6 \endash  \'ec\'e5\'f1\'ff\'f6 \'e7\'e0\'ea\'eb\'fe\'f7\'e5\'ed\'e8\'ff \'f1\'e4\'e5\'eb\'ea\'e8), \'f1\'ee\'e3\'eb\'e0\'f1\'ed\'ee \'f1\'eb\'e5\'e4\'f</w:t>
      </w:r>
      <w:r w:rsidRPr="005A1F79">
        <w:rPr>
          <w:rFonts w:ascii="Courier New" w:hAnsi="Courier New" w:cs="Courier New"/>
        </w:rPr>
        <w:t>3\'fe\'f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c\'f3 \'e3\'f0\'e0\'f4\'e8\'ea\'f3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ltrrow}\trowd \irow0\irowband0\ltrrow\ts11\trgaph108\trleft-108\trbrdrt\brdrs\brdrw10 \trbrdrl\brdrs\brdrw10 \trbrdrb\brdrs\brdrw10 \trbrdrr\brdrs\brdrw10 \trbrdrh\brdrs\brdrw10 \trbrdrv\brdrs\br</w:t>
      </w:r>
      <w:r w:rsidRPr="005A1F79">
        <w:rPr>
          <w:rFonts w:ascii="Courier New" w:hAnsi="Courier New" w:cs="Courier New"/>
        </w:rPr>
        <w:t xml:space="preserve">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rftsWidth1\trftsWidthB3\trftsWidthA3\trpaddl108\trpaddr108\trpaddfl3\trpaddft3\trpaddfb3\trpaddfr3\tblrsid2098646\tbllkhdrrows\tbllkhdrcols\tbllknocolband\tblind0\tblindtype3 \clvertalt\clbrdrt\brdrs\brdrw10 \clbrdrl\brdrs\brdrw10 \clbrdr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rdr</w:t>
      </w:r>
      <w:r w:rsidRPr="005A1F79">
        <w:rPr>
          <w:rFonts w:ascii="Courier New" w:hAnsi="Courier New" w:cs="Courier New"/>
        </w:rPr>
        <w:t>s\brdrw10 \clbrdrr\brdrs\brdrw10 \cltxlrtb\clftsWidth3\clwWidth4644\clshdrawnil \cellx4536\clvertalt\clbrdrt\brdrs\brdrw10 \clbrdrl\brdrs\brdrw10 \clbrdrb\brdrs\brdrw10 \clbrdrr\brdrs\brdrw10 \cltxlrtb\clftsWidth3\clwWidth5103\clshdrawnil \cellx963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d</w:t>
      </w:r>
      <w:r w:rsidRPr="005A1F79">
        <w:rPr>
          <w:rFonts w:ascii="Courier New" w:hAnsi="Courier New" w:cs="Courier New"/>
        </w:rPr>
        <w:t xml:space="preserve"> \ltrpar\qj \li0\ri0\widctlpar\intbl\wrapdefault\aspalpha\aspnum\faauto\adjustright\rin0\lin0\pararsid2098646 {\rtlch\fcs1 \af0\afs22 \ltrch\fcs0 \fs22\insrsid8466180\charrsid13642871 \'cf\'e5\'f0\'e8\'ee\'e4\cell \'d1\'f3\'ec\'ec\'e0, \'f0\'f3\'e1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cell</w:t>
      </w:r>
      <w:r w:rsidRPr="005A1F79">
        <w:rPr>
          <w:rFonts w:ascii="Courier New" w:hAnsi="Courier New" w:cs="Courier New"/>
        </w:rPr>
        <w:t xml:space="preserve"> }\pard \ltrpar\ql \li0\ri0\sa160\sl259\slmult1\widctlpar\intbl\wrapdefault\aspalpha\aspnum\faauto\adjustright\rin0\lin0 {\rtlch\fcs1 \af0\afs22 \ltrch\fcs0 \fs22\insrsid8466180\charrsid13642871 \trowd \irow0\irowband0\ltrrow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s11\trgaph108\trleft-108\tr</w:t>
      </w:r>
      <w:r w:rsidRPr="005A1F79">
        <w:rPr>
          <w:rFonts w:ascii="Courier New" w:hAnsi="Courier New" w:cs="Courier New"/>
        </w:rPr>
        <w:t xml:space="preserve">brdrt\brdrs\brdrw10 \trbrdrl\brdrs\brdrw10 \trbrdrb\brdrs\brdrw10 \trbrdrr\brdrs\brdrw10 \trbrdrh\brdrs\brdrw10 \trbrdrv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rftsWidth1\trftsWidthB3\trftsWidthA3\trpaddl108\trpaddr108\trpaddfl3\trpaddft3\trpaddfb3\trpaddfr3\tblrsid2098646\tbl</w:t>
      </w:r>
      <w:r w:rsidRPr="005A1F79">
        <w:rPr>
          <w:rFonts w:ascii="Courier New" w:hAnsi="Courier New" w:cs="Courier New"/>
        </w:rPr>
        <w:t>lkhdrrows\tbllkhdrcols\tbllknocolband\tblind0\tblindtype3 \clvertalt\clbrdrt\brdrs\brdrw10 \clbrdrl\brdrs\brdrw10 \clbrdr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rdrs\brdrw10 \clbrdrr\brdrs\brdrw10 \cltxlrtb\clftsWidth3\clwWidth4644\clshdrawnil \cellx4536\clvertalt\clbrdrt\brdrs\brdrw10 \clb</w:t>
      </w:r>
      <w:r w:rsidRPr="005A1F79">
        <w:rPr>
          <w:rFonts w:ascii="Courier New" w:hAnsi="Courier New" w:cs="Courier New"/>
        </w:rPr>
        <w:t>rdrl\brdrs\brdrw10 \clbrdrb\brdrs\brdrw10 \clbrdrr\brdrs\brdrw10 \cltxlrtb\clftsWidth3\clwWidth5103\clshdrawnil \cellx963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ow \ltrrow}\pard \ltrpar\qj \li0\ri0\widctlpar\intbl\wrapdefault\aspalpha\aspnum\faauto\adjustright\rin0\lin0\pararsid2098646 {\rt</w:t>
      </w:r>
      <w:r w:rsidRPr="005A1F79">
        <w:rPr>
          <w:rFonts w:ascii="Courier New" w:hAnsi="Courier New" w:cs="Courier New"/>
        </w:rPr>
        <w:t>lch\fcs1 \af0\afs22 \ltrch\fcs0 \fs22\insrsid8466180\charrsid13642871 \'d1 13 \'ef\'ee 24 \'ec\'e5\'f1\'ff\'f6 \'ea\'f0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8\'f2\'ee\'e2\'e0\'ed\'e8\'ff \cell \'cf\'ee 2\~750\~000,00 \cell }\pard \ltrpar\ql \li0\ri0\sa160\sl259\slmult1\widctlpar\i</w:t>
      </w:r>
      <w:r w:rsidRPr="005A1F79">
        <w:rPr>
          <w:rFonts w:ascii="Courier New" w:hAnsi="Courier New" w:cs="Courier New"/>
        </w:rPr>
        <w:t xml:space="preserve">ntbl\wrapdefault\aspalpha\aspnum\faauto\adjustright\rin0\lin0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8466180\charrsid13642871 \trowd \irow1\irowband1\ltrrow\ts11\trgaph108\trleft-108\trbrdrt\brdrs\brdrw10 \trbrdrl\brdrs\brdrw10 \trbrdrb\brdrs\b</w:t>
      </w:r>
      <w:r w:rsidRPr="005A1F79">
        <w:rPr>
          <w:rFonts w:ascii="Courier New" w:hAnsi="Courier New" w:cs="Courier New"/>
        </w:rPr>
        <w:t xml:space="preserve">rdrw10 \trbrdrr\brdrs\brdrw10 \trbrdrh\brdrs\brdrw10 \trbrdrv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rftsWidth1\trftsWidthB3\trftsWidthA3\trpaddl108\trpaddr108\trpaddfl3\trpaddft3\trpaddfb3\trpaddfr3\tblrsid2098646\tbllkhdrrows\tbllkhdrcols\tbllknocolband\tblind0\tblindtype3 \</w:t>
      </w:r>
      <w:r w:rsidRPr="005A1F79">
        <w:rPr>
          <w:rFonts w:ascii="Courier New" w:hAnsi="Courier New" w:cs="Courier New"/>
        </w:rPr>
        <w:t>clvertalt\clbrdrt\brdrs\brdrw10 \clbrdrl\brdrs\brdrw10 \clbrdr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rdrs\brdrw10 \clbrdrr\brdrs\brdrw10 \cltxlrtb\clftsWidth3\clwWidth4644\clshdrawnil \cellx4536\clvertalt\clbrdrt\brdrs\brdrw10 \clbrdrl\brdrs\brdrw10 \clbrdrb\brdrs\brdrw10 \clbrdrr\brdrs\br</w:t>
      </w:r>
      <w:r w:rsidRPr="005A1F79">
        <w:rPr>
          <w:rFonts w:ascii="Courier New" w:hAnsi="Courier New" w:cs="Courier New"/>
        </w:rPr>
        <w:t>drw10 \cltxlrtb\clftsWidth3\clwWidth5103\clshdrawnil \cellx963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ow \ltrrow}\pard \ltrpar\qj \li0\ri0\widctlpar\intbl\wrapdefault\aspalpha\aspnum\faauto\adjustright\rin0\lin0\pararsid2098646 {\rtlch\fcs1 \af0\afs22 \ltrch\fcs0 \fs22\insrsid8466180\charrs</w:t>
      </w:r>
      <w:r w:rsidRPr="005A1F79">
        <w:rPr>
          <w:rFonts w:ascii="Courier New" w:hAnsi="Courier New" w:cs="Courier New"/>
        </w:rPr>
        <w:t xml:space="preserve">id13642871 \'d1 25 \'ef\'ee 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lang1033\langfe1049\langnp1033\insrsid8466180\charrsid13642871 48}{\rtlch\fcs1 \af0\afs22 \ltrch\fcs0 \fs22\insrsid8466180\charrsid13642871  \'ec\'e5\'f1\'ff\'f6 \'ea\'f0\'e5\'e4\'e8\</w:t>
      </w:r>
      <w:r w:rsidRPr="005A1F79">
        <w:rPr>
          <w:rFonts w:ascii="Courier New" w:hAnsi="Courier New" w:cs="Courier New"/>
        </w:rPr>
        <w:t>'f2\'ee\'e2\'e0\'ed\'e8\'ff\cell \'cf\'ee 4\~125\~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00,00\cell }\pard \ltrpar\ql \li0\ri0\sa160\sl259\slmult1\widctlpar\intbl\wrapdefault\aspalpha\aspnum\faauto\adjustright\rin0\lin0 {\rtlch\fcs1 \af0\afs22 \ltrch\fcs0 \fs22\insrsid8466180\charrsid1364287</w:t>
      </w:r>
      <w:r w:rsidRPr="005A1F79">
        <w:rPr>
          <w:rFonts w:ascii="Courier New" w:hAnsi="Courier New" w:cs="Courier New"/>
        </w:rPr>
        <w:t>1 \trowd \irow2\irowband2\ltrrow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ts11\trgaph108\trleft-108\trbrdrt\brdrs\brdrw10 \trbrdrl\brdrs\brdrw10 \trbrdrb\brdrs\brdrw10 \trbrdrr\brdrs\brdrw10 \trbrdrh\brdrs\brdrw10 \trbrdrv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rftsWidth1\trftsWidthB3\trftsWidthA3\trpaddl108\trpadd</w:t>
      </w:r>
      <w:r w:rsidRPr="005A1F79">
        <w:rPr>
          <w:rFonts w:ascii="Courier New" w:hAnsi="Courier New" w:cs="Courier New"/>
        </w:rPr>
        <w:t>r108\trpaddfl3\trpaddft3\trpaddfb3\trpaddfr3\tblrsid2098646\tbllkhdrrows\tbllkhdrcols\tbllknocolband\tblind0\tblindtype3 \clvertalt\clbrdrt\brdrs\brdrw10 \clbrdrl\brdrs\brdrw10 \clbrdr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rdrs\brdrw10 \clbrdrr\brdrs\brdrw10 \cltxlrtb\clftsWidth3\clwWidth4</w:t>
      </w:r>
      <w:r w:rsidRPr="005A1F79">
        <w:rPr>
          <w:rFonts w:ascii="Courier New" w:hAnsi="Courier New" w:cs="Courier New"/>
        </w:rPr>
        <w:t>644\clshdrawnil \cellx4536\clvertalt\clbrdrt\brdrs\brdrw10 \clbrdrl\brdrs\brdrw10 \clbrdrb\brdrs\brdrw10 \clbrdrr\brdrs\brdrw10 \cltxlrtb\clftsWidth3\clwWidth5103\clshdrawnil \cellx963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ow \ltrrow}\pard \ltrpar\qj \li0\ri0\widctlpar\intbl\wrapdefault\as</w:t>
      </w:r>
      <w:r w:rsidRPr="005A1F79">
        <w:rPr>
          <w:rFonts w:ascii="Courier New" w:hAnsi="Courier New" w:cs="Courier New"/>
        </w:rPr>
        <w:t>palpha\aspnum\faauto\adjustright\rin0\lin0\pararsid2098646 {\rtlch\fcs1 \af0\afs22 \ltrch\fcs0 \fs22\insrsid8466180\charrsid13642871 \'d1 49 \'ef\'ee 83 \'ec\'e5\'f1\'ff\'f6 \'ea\'f0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8\'f2\'ee\'e2\'e0\'ed\'e8\'ff\cell \'cf\'ee 5\~500\~000,00\ce</w:t>
      </w:r>
      <w:r w:rsidRPr="005A1F79">
        <w:rPr>
          <w:rFonts w:ascii="Courier New" w:hAnsi="Courier New" w:cs="Courier New"/>
        </w:rPr>
        <w:t xml:space="preserve">ll }\pard \ltrpar\ql \li0\ri0\sa160\sl259\slmult1\widctlpar\intbl\wrapdefault\aspalpha\aspnum\faauto\adjustright\rin0\lin0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8466180\charrsid13642871 \trowd \irow3\irowband3\ltrrow\ts11\trgaph108\trleft-108\</w:t>
      </w:r>
      <w:r w:rsidRPr="005A1F79">
        <w:rPr>
          <w:rFonts w:ascii="Courier New" w:hAnsi="Courier New" w:cs="Courier New"/>
        </w:rPr>
        <w:t xml:space="preserve">trbrdrt\brdrs\brdrw10 \trbrdrl\brdrs\brdrw10 \trbrdrb\brdrs\brdrw10 \trbrdrr\brdrs\brdrw10 \trbrdrh\brdrs\brdrw10 \trbrdrv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rftsWidth1\trftsWidthB3\trftsWidthA3\trpaddl108\trpaddr108\trpaddfl3\trpaddft3\trpaddfb3\trpaddfr3\tblrsid2098646\t</w:t>
      </w:r>
      <w:r w:rsidRPr="005A1F79">
        <w:rPr>
          <w:rFonts w:ascii="Courier New" w:hAnsi="Courier New" w:cs="Courier New"/>
        </w:rPr>
        <w:t>bllkhdrrows\tbllkhdrcols\tbllknocolband\tblind0\tblindtype3 \clvertalt\clbrdrt\brdrs\brdrw10 \clbrdrl\brdrs\brdrw10 \clbrdr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rdrs\brdrw10 \clbrdrr\brdrs\brdrw10 \cltxlrtb\clftsWidth3\clwWidth4644\clshdrawnil \cellx4536\clvertalt\clbrdrt\brdrs\brdrw10 \c</w:t>
      </w:r>
      <w:r w:rsidRPr="005A1F79">
        <w:rPr>
          <w:rFonts w:ascii="Courier New" w:hAnsi="Courier New" w:cs="Courier New"/>
        </w:rPr>
        <w:t>lbrdrl\brdrs\brdrw10 \clbrdrb\brdrs\brdrw10 \clbrdrr\brdrs\brdrw10 \cltxlrtb\clftsWidth3\clwWidth5103\clshdrawnil \cellx963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ow \ltrrow}\pard \ltrpar\qj \li0\ri0\widctlpar\intbl\wrapdefault\aspalpha\aspnum\faauto\adjustright\rin0\lin0\pararsid2098646 {\</w:t>
      </w:r>
      <w:r w:rsidRPr="005A1F79">
        <w:rPr>
          <w:rFonts w:ascii="Courier New" w:hAnsi="Courier New" w:cs="Courier New"/>
        </w:rPr>
        <w:t>rtlch\fcs1 \af0\afs22 \ltrch\fcs0 \fs22\insrsid8466180\charrsid13642871 \'c2 \'ef\'ee\'f1\'eb\'e5\'e4\'ed\'e8\'e5 7 \'ea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d\'e4\'e0\'f0\'ed\'fb\'f5 \'e4\'ed\'e5\'e9 \'f1\'f0\'ee\'ea\'e0 \'e4\'e5\'e9\'f1\'f2\'e2\'e8\'ff \'ca\'f0\'e5\'e4\'e8\'</w:t>
      </w:r>
      <w:r w:rsidRPr="005A1F79">
        <w:rPr>
          <w:rFonts w:ascii="Courier New" w:hAnsi="Courier New" w:cs="Courier New"/>
        </w:rPr>
        <w:t>f2\'ed\'ee\'e3\'ee \'f1\'ee\'e3\'eb\'e0\'f8\'e5\'ed\'e8\'ff\cell \'ce\'f1\'f2\'e0\'f2\'ee\'ea \'ee\'f1\'ed\'ee\'e2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3\'ee \'e4\'ee\'eb\'e3\'e0 \'ef\'ee \'ca\'f0\'e5\'e4\'e8\'f2\'ed\'ee\'ec\'f3 \'f1\'ee\'e3\'eb\'e0\'f8\'e5\'ed\'e8\'fe\cell }\pard</w:t>
      </w:r>
      <w:r w:rsidRPr="005A1F79">
        <w:rPr>
          <w:rFonts w:ascii="Courier New" w:hAnsi="Courier New" w:cs="Courier New"/>
        </w:rPr>
        <w:t xml:space="preserve"> \ltrpar\ql \li0\ri0\sa160\sl259\slmult1\widctlpar\intbl\wrapdefault\aspalpha\aspnum\faauto\adjustright\rin0\lin0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fs22\insrsid8466180\charrsid13642871 \trowd \irow4\irowband4\lastrow \ltrrow\ts11\trgaph108\trleft-108\</w:t>
      </w:r>
      <w:r w:rsidRPr="005A1F79">
        <w:rPr>
          <w:rFonts w:ascii="Courier New" w:hAnsi="Courier New" w:cs="Courier New"/>
        </w:rPr>
        <w:t xml:space="preserve">trbrdrt\brdrs\brdrw10 \trbrdrl\brdrs\brdrw10 \trbrdrb\brdrs\brdrw10 \trbrdrr\brdrs\brdrw10 \trbrdrh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rbrdrv\brdrs\brdrw10 \trftsWidth1\trftsWidthB3\trftsWidthA3\trpaddl108\trpaddr108\trpaddfl3\trpaddft3\trpaddfb3\trpaddfr3\tblrsid2098646\t</w:t>
      </w:r>
      <w:r w:rsidRPr="005A1F79">
        <w:rPr>
          <w:rFonts w:ascii="Courier New" w:hAnsi="Courier New" w:cs="Courier New"/>
        </w:rPr>
        <w:t>bllkhdrrows\tbllkhdrcols\tbllknocolband\tblind0\tblindtype3 \clvertalt\clbrdrt\brdrs\brdrw10 \clbrdrl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brdrs\brdrw10 \clbrdrb\brdrs\brdrw10 \clbrdrr\brdrs\brdrw10 \cltxlrtb\clftsWidth3\clwWidth4644\clshdrawnil \cellx4536\clvertalt\clbrdrt\brdrs\brdrw10 \c</w:t>
      </w:r>
      <w:r w:rsidRPr="005A1F79">
        <w:rPr>
          <w:rFonts w:ascii="Courier New" w:hAnsi="Courier New" w:cs="Courier New"/>
        </w:rPr>
        <w:t xml:space="preserve">lbrdrl\brdrs\brdrw10 \clbrdrb\brdrs\brdrw10 \clbrdrr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cltxlrtb\clftsWidth3\clwWidth5103\clshdrawnil \cellx9639\row }\pard \ltrpar\qj \li0\ri0\widctlpar\wrapdefault\faauto\rin0\lin0\itap0\pararsid8466180 {\rtlch\fcs1 \af0\afs22 \ltrch\fcs0 \</w:t>
      </w:r>
      <w:r w:rsidRPr="005A1F79">
        <w:rPr>
          <w:rFonts w:ascii="Courier New" w:hAnsi="Courier New" w:cs="Courier New"/>
        </w:rPr>
        <w:t xml:space="preserve">fs22\insrsid8466180\charrsid13642871 \'c7\'e0\'e5\'ec\'f9\'e8\'ea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1\'ff\'e7\'f3\'e5\'f2\'f1\'ff \'ed\'e0\'ef\'f0\'e0\'e2\'eb\'ff\'f2\'fc \'ed\'e0 \'ef\'ee\'e3\'e0\'f8\'e5\'ed\'e8\'e5 \'ca\'f0\'e5\'e4\'e8\'f2\'e0/ \'ca\'f0\'e5\'e4\'e8\'f2\'ee\'e2 (</w:t>
      </w:r>
      <w:r w:rsidRPr="005A1F79">
        <w:rPr>
          <w:rFonts w:ascii="Courier New" w:hAnsi="Courier New" w:cs="Courier New"/>
        </w:rPr>
        <w:t>\'f7\'e0\'f1\'f2\'e8 \'ca\'f0\'e5\'e4\'e8\'f2\'e0), \'e2\'ee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5\'f9\'e5\'ed\'ed\'fb\'e5 \'f1\'f3\'ec\'ec\'fb \'cd\'c4\'d1 \'ee\'f2 \'ef\'f0\'e8\'ee\'e1\'f0\'e5\'f2\'e5\'ed\'e8\'ff \'ee\'e1\'ee\'f0\'f3\'e4\'ee\'e2\'e0\'ed\'e8\'ff/\'f1\'ef\'e5\'f6</w:t>
      </w:r>
      <w:r w:rsidRPr="005A1F79">
        <w:rPr>
          <w:rFonts w:ascii="Courier New" w:hAnsi="Courier New" w:cs="Courier New"/>
        </w:rPr>
        <w:t>\'f2\'e5\'f5\'ed\'e8\'ea\'e8 \'e7\'e0 \'f1\'f7\'e5\'f2 \'ea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4\'e8\'f2\'ed\'fb\'f5 \'f1\'f0\'e5\'e4\'f1\'f2\'e2, \'e2 \'f2\'e5\'f7\'e5\'ed\'e8\'e5 30 \'ea\'e0\'eb\'e5\'ed\'e4\'e0\'f0\'ed\'fb\'f5 \'e4\'ed\'e5\'e9 \'f1 \'e4\'e0\'f2\'fb \'ef\'ee\'f</w:t>
      </w:r>
      <w:r w:rsidRPr="005A1F79">
        <w:rPr>
          <w:rFonts w:ascii="Courier New" w:hAnsi="Courier New" w:cs="Courier New"/>
        </w:rPr>
        <w:t>1\'f2\'f3\'ef\'eb\'e5\'ed\'e8\'ff \'e4\'e5\'ed\'e5\'e6\'ed\'f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5 \'f1\'f0\'e5\'e4\'f1\'f2\'e2 \'ed\'e0 \'f0\'e0\'f1\'f7\'e5\'f2\'ed\'fb\'e9 \'f1\'f7\'e5\'f2 \'c7\'e0\'e5\'ec\'f9\'e8\'ea\'e0 \'e2 \'c1\'e0\'ed\'ea\'e5. \'cf\'ee\'e3\'e0\'f8\'e5\'ed\'e8\'e</w:t>
      </w:r>
      <w:r w:rsidRPr="005A1F79">
        <w:rPr>
          <w:rFonts w:ascii="Courier New" w:hAnsi="Courier New" w:cs="Courier New"/>
        </w:rPr>
        <w:t>5 \'ca\'f0\'e5\'e4\'e8\'f2\'e0/ \'ca\'f0\'e5\'e4\'e8\'f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 (\'f7\'e0\'f1\'f2\'e8 \'ca\'f0\'e5\'e4\'e8\'f2\'e0) \'e7\'e0 \'f1\'f7\'e5\'f2 \'f3\'ea\'e0\'e7\'e0\'ed\'ed\'fb\'f5 \'f1\'f0\'e5\'e4\'f1\'f2\'e2 \'ed\'e5 \'ff\'e2\'eb\'ff\'e5\'f2\'f1\'ff \'e</w:t>
      </w:r>
      <w:r w:rsidRPr="005A1F79">
        <w:rPr>
          <w:rFonts w:ascii="Courier New" w:hAnsi="Courier New" w:cs="Courier New"/>
        </w:rPr>
        <w:t>4\'ee\'f1\'f0\'ee\'f7\'ed\'fb\'ec \'ef\'ee\'e3\'e0\'f8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8\'e5\'ec \'e8 \'ee\'f1\'f3\'f9\'e5\'f1\'f2\'e2\'eb\'ff\'e5\'f2\'f1\'ff \'e1\'e5\'e7 \'e4\'ee\'ef\'ee\'eb\'ed\'e8\'f2\'e5\'eb\'fc\'ed\'ee\'e3\'ee \'f1\'ee\'e3\'eb\'e0\'f1\'ee\'e2\'e0\'ed\'e</w:t>
      </w:r>
      <w:r w:rsidRPr="005A1F79">
        <w:rPr>
          <w:rFonts w:ascii="Courier New" w:hAnsi="Courier New" w:cs="Courier New"/>
        </w:rPr>
        <w:t>8\'ff \'f1 \'ca\'f0\'e5\'e4\'e8\'f2\'ee\'f0\'ee\'ec/\'f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5\'e4\'ee\'ec\'eb\'e5\'ed\'e8\'ff \'ca\'f0\'e5\'e4\'e8\'f2\'ee\'f0\'e0. \'cd\'e5\'ef\'ee\'e3\'e0\'f8\'e5\'ed\'ed\'fb\'e5 \'e2 \'f3\'ea\'e0\'e7\'e0\'ed\'ed\'ee\'ec \'ef\'ee\'f0\'ff\'e4\'ea\'e5</w:t>
      </w:r>
      <w:r w:rsidRPr="005A1F79">
        <w:rPr>
          <w:rFonts w:ascii="Courier New" w:hAnsi="Courier New" w:cs="Courier New"/>
        </w:rPr>
        <w:t xml:space="preserve"> \'f1\'f3\'ec\'ec\'fb \'e7\'e0\'e4\'ee\'eb\'e6\'e5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f1\'f2\'e8 \'ef\'ee \'ee\'f1\'ed\'ee\'e2\'ed\'ee\'ec\'f3 \'e4\'ee\'eb\'e3\'f3 \'ef\'e5\'f0\'e5\'e4 \'c1\'e0\'ed\'ea\'ee\'ec \'ef\'f0\'e8\'e7\'ed\'e0\'e5\'f2\'f1\'ff \'ef\'f0\'ee\'f1\'f0\'ee\</w:t>
      </w:r>
      <w:r w:rsidRPr="005A1F79">
        <w:rPr>
          <w:rFonts w:ascii="Courier New" w:hAnsi="Courier New" w:cs="Courier New"/>
        </w:rPr>
        <w:t>'f7\'e5\'ed\'ed\'ee\'e9 \'e7\'e0\'e4\'ee\'eb\'e6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d\'ee\'f1\'f2\'fc\'fe \'ef\'ee \'ee\'f1\'ed\'ee\'e2\'ed\'ee\'ec\'f3 \'e4\'ee\'eb\'e3\'f3 \'f1 \'ef\'f0\'e8\'ec\'e5\'ed\'e5\'ed\'e8\'e5\'ec \'f1\'ee\'ee\'f2\'e2\'e5\'f2\'f1\'f2\'e2\'f3\'fe\'f9\'e8</w:t>
      </w:r>
      <w:r w:rsidRPr="005A1F79">
        <w:rPr>
          <w:rFonts w:ascii="Courier New" w:hAnsi="Courier New" w:cs="Courier New"/>
        </w:rPr>
        <w:t>\'f5 \'f8\'f2\'f0\'e0\'f4\'ed\'fb\'f5 \'f1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f6\'e8\'e9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ltrrow}\trowd \irow0\irowband0\lastrow \ltrrow\ts11\trgaph108\trrh217\trleft-180\trbrdrt\brdrs\brdrw10 \trbrdrl\brdrs\brdrw10 \trbrdrb\brdrs\brdrw10 \trbrdrr\brdrs\brdrw10 \trbrdr</w:t>
      </w:r>
      <w:r w:rsidRPr="005A1F79">
        <w:rPr>
          <w:rFonts w:ascii="Courier New" w:hAnsi="Courier New" w:cs="Courier New"/>
        </w:rPr>
        <w:t xml:space="preserve">h\brdrs\brdrw10 \trbrdrv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rftsWidth3\trwWidth9914\trftsWidthB3\trpaddl108\trpaddr108\trpaddfl3\trpaddft3\trpaddfb3\trpaddfr3\tblrsid2098646\tblind-72\tblindtype3 \clvertalt\clbrdrt\brdrs\brdrw10 \clbrdrl\brdrs\brdrw10 \clbrdrb\brdrs\brdrw1</w:t>
      </w:r>
      <w:r w:rsidRPr="005A1F79">
        <w:rPr>
          <w:rFonts w:ascii="Courier New" w:hAnsi="Courier New" w:cs="Courier New"/>
        </w:rPr>
        <w:t xml:space="preserve">0 \clbrdrr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cltxlrtb\clftsWidth3\clwWidth3176\clshdrawnil \cellx2996\clvertalt\clbrdrt\brdrs\brdrw10 \clbrdrl\brdrs\brdrw10 \clbrdrb\brdrs\brdrw10 \clbrdrr\brdrs\brdrw10 \clcbpat8\cltxlrtb\clftsWidth3\clwWidth6738\clcbpatraw8 \cellx9734\par</w:t>
      </w:r>
      <w:r w:rsidRPr="005A1F79">
        <w:rPr>
          <w:rFonts w:ascii="Courier New" w:hAnsi="Courier New" w:cs="Courier New"/>
        </w:rPr>
        <w:t>d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l \li0\ri0\nowidctlpar\intbl\wrapdefault\aspalpha\aspnum\faauto\adjustright\rin0\lin0\pararsid2098646 {\rtlch\fcs1 \ai\af0\afs22 \ltrch\fcs0 \fs22\insrsid8466180\charrsid13642871 \'cf\'ee\'f0\'ff\'e4\'ee\'ea  \'f3\'ef\'eb\'e0\'f2\'fb \'ef\'f0\</w:t>
      </w:r>
      <w:r w:rsidRPr="005A1F79">
        <w:rPr>
          <w:rFonts w:ascii="Courier New" w:hAnsi="Courier New" w:cs="Courier New"/>
        </w:rPr>
        <w:t>'ee\'f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d\'f2\'ee\'e2}{\rtlch\fcs1 \ai\af0\afs22 \ltrch\fcs0 \strike\fs22\insrsid8466180\charrsid13642871 \cell }\pard \ltrpar\qj \li0\ri0\nowidctlpar\intbl\wrapdefault\aspalpha\aspnum\faauto\adjustright\rin0\lin0\pararsid2098646 {\rtlch\fcs1 \af0\</w:t>
      </w:r>
      <w:r w:rsidRPr="005A1F79">
        <w:rPr>
          <w:rFonts w:ascii="Courier New" w:hAnsi="Courier New" w:cs="Courier New"/>
        </w:rPr>
        <w:t xml:space="preserve">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8466180\charrsid13642871 \'c5\'e6\'e5\'ec\'e5\'f1\'ff\'f7\'ed\'ee, \'f1 1-\'e3\'ee \'ef\'ee 15-\'ee\'e5 \'f7\'e8\'f1\'eb\'ee \'ea\'e0\'e6\'e4\'ee\'e3\'ee \'ec\'e5\'f1\'ff\'f6\'e0, \'ed\'e0\'f7\'e8\'f1\'eb\'e5\'ed\'ed\'fb\'f</w:t>
      </w:r>
      <w:r w:rsidRPr="005A1F79">
        <w:rPr>
          <w:rFonts w:ascii="Courier New" w:hAnsi="Courier New" w:cs="Courier New"/>
        </w:rPr>
        <w:t>5 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0 \'ef\'f0\'e5\'e4\'fb\'e4\'f3\'f9\'e8\'e9 \'ec\'e5\'f1\'ff\'f6\cell }\pard \ltrpar\ql \li0\ri0\sa160\sl259\slmult1\widctlpar\intbl\wrapdefault\aspalpha\aspnum\faauto\adjustright\rin0\lin0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84661</w:t>
      </w:r>
      <w:r w:rsidRPr="005A1F79">
        <w:rPr>
          <w:rFonts w:ascii="Courier New" w:hAnsi="Courier New" w:cs="Courier New"/>
        </w:rPr>
        <w:t xml:space="preserve">80\charrsid13642871 \trowd \irow0\irowband0\lastrow \ltrrow\ts11\trgaph108\trrh217\trleft-180\trbrdrt\brdrs\brdrw10 \trbrdrl\brdrs\brdrw10 \trbrdrb\brdrs\brdrw10 \trbrdrr\brdrs\brdrw10 \trbrdrh\brdrs\brdrw10 \trbrdrv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rftsWidth3\trwWidth99</w:t>
      </w:r>
      <w:r w:rsidRPr="005A1F79">
        <w:rPr>
          <w:rFonts w:ascii="Courier New" w:hAnsi="Courier New" w:cs="Courier New"/>
        </w:rPr>
        <w:t xml:space="preserve">14\trftsWidthB3\trpaddl108\trpaddr108\trpaddfl3\trpaddft3\trpaddfb3\trpaddfr3\tblrsid2098646\tblind-72\tblindtype3 \clvertalt\clbrdrt\brdrs\brdrw10 \clbrdrl\brdrs\brdrw10 \clbrdrb\brdrs\brdrw10 \clbrdrr\brdrs\brdrw1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cltxlrtb\clftsWidth3\clwWidth3176\cl</w:t>
      </w:r>
      <w:r w:rsidRPr="005A1F79">
        <w:rPr>
          <w:rFonts w:ascii="Courier New" w:hAnsi="Courier New" w:cs="Courier New"/>
        </w:rPr>
        <w:t>shdrawnil \cellx2996\clvertalt\clbrdrt\brdrs\brdrw10 \clbrdrl\brdrs\brdrw10 \clbrdrb\brdrs\brdrw10 \clbrdrr\brdrs\brdrw10 \clcbpat8\cltxlrtb\clftsWidth3\clwWidth6738\clcbpatraw8 \cellx9734\row }\pard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l \li0\ri0\nowidctlpar\wrapdefault\aspalpha\a</w:t>
      </w:r>
      <w:r w:rsidRPr="005A1F79">
        <w:rPr>
          <w:rFonts w:ascii="Courier New" w:hAnsi="Courier New" w:cs="Courier New"/>
        </w:rPr>
        <w:t>spnum\faauto\adjustright\rin0\lin0\itap0\pararsid8466180 {\rtlch\fcs1 \ab\af0\afs22 \ltrch\fcs0 \b\fs22\expnd4\expndtw20\insrsid8466180\charrsid13642871 \'d3\'f1\'eb\'ee\'e2\'e8\'ff \'e4\'ee\'f1\'f0\'ee\'f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e3\'ee \'ef\'ee\'e3\'e0\'f8\'e5\'ed\'e</w:t>
      </w:r>
      <w:r w:rsidRPr="005A1F79">
        <w:rPr>
          <w:rFonts w:ascii="Courier New" w:hAnsi="Courier New" w:cs="Courier New"/>
        </w:rPr>
        <w:t>8\'ff: }{\rtlch\fcs1 \ab\af0\afs22 \ltrch\fcs0 \fs22\expnd4\expndtw20\insrsid8466180\charrsid13642871 \'f1 \'f3\'e2\'e5\'e4\'ee\'ec\'eb\'e5\'ed\'e8\'e5\'ec \'c1\'e0\'ed\'ea\'e0, \'f1 \'e2\'e7\'e8\'ec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5\'ec \'f4\'e8\'ea\'f1\'e8\'f0\'ee\'e2\'</w:t>
      </w:r>
      <w:r w:rsidRPr="005A1F79">
        <w:rPr>
          <w:rFonts w:ascii="Courier New" w:hAnsi="Courier New" w:cs="Courier New"/>
        </w:rPr>
        <w:t xml:space="preserve">e0\'ed\'ed\'ee\'e9 \'ea\'ee\'ec\'e8\'f1\'f1\'e8\'e8 \'e7\'e0 \'e4\'ee\'f1\'f0\'ee\'f7\'ed\'ee\'e5 \'ef\'ee\'e3\'e0\'f8\'e5\'ed\'e8\'e5.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b\fs22\expnd4\expndtw20\insrsid8466180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6\'e5\'eb\'</w:t>
      </w:r>
      <w:r w:rsidRPr="005A1F79">
        <w:rPr>
          <w:rFonts w:ascii="Courier New" w:hAnsi="Courier New" w:cs="Courier New"/>
        </w:rPr>
        <w:t>e5\'e2\'ee\'e5 \'ed\'e0\'e7\'ed\'e0\'f7\'e5\'ed\'e8\'e5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s22\insrsid8466180\charrsid13642871 1. \'cf\'f0\'e8\'ee\'e1\'f0\'e5\'f2\'e5\'ed\'e8\'e5 \'ee\'f1\'ed\'ee\'e2\'ed\'fb\'f5 \'f1\'f0\'e5\'e4\'f1\'f2\'e2 (\'e</w:t>
      </w:r>
      <w:r w:rsidRPr="005A1F79">
        <w:rPr>
          <w:rFonts w:ascii="Courier New" w:hAnsi="Courier New" w:cs="Courier New"/>
        </w:rPr>
        <w:t>f\'ee\'f0\'f2\'ee\'e2\'fb\'e5 \'ea\'f0\'e0\'ed\'fb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2. \'d4\'e8\'ed\'e0\'ed\'f1\'e8\'f0\'ee\'e2\'e0\'ed\'e8\'e5 \'e7\'e0\'f2\'f0\'e0\'f2, \'f1\'e2\'ff\'e7\'e0\'ed\'ed\'fb\'f5 \'f1 \'ef\'f0\'e8\'ee\'e1\'f0\'e5\'f2\'e5\'ed\'e8\'e5\'ec \'ee\'f1\'ed\'ee</w:t>
      </w:r>
      <w:r w:rsidRPr="005A1F79">
        <w:rPr>
          <w:rFonts w:ascii="Courier New" w:hAnsi="Courier New" w:cs="Courier New"/>
        </w:rPr>
        <w:t>\'e2\'ed\'fb\'f5 \'f1\'f0\'e5\'e4\'f1\'f2\'e2 (\'e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f2\'ee\'e2\'fb\'e5 \'ea\'f0\'e0\'ed\'fb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3. \'d4\'ee\'f0\'ec\'e8\'f0\'ee\'e2\'e0\'ed\'e8\'e5 \'ef\'ee\'ea\'f0\'fb\'f2\'e8\'ff \'ef\'ee \'c0\'ea\'ea\'f0\'e5\'e4\'e8\'f2\'e8\'e2\'f3 \'e2 \</w:t>
      </w:r>
      <w:r w:rsidRPr="005A1F79">
        <w:rPr>
          <w:rFonts w:ascii="Courier New" w:hAnsi="Courier New" w:cs="Courier New"/>
        </w:rPr>
        <w:t>'e4\'e0\'f2\'f3 \'e5\'e3\'ee \'ee\'f2\'ea\'f0\'fb\'f2\'e8\'ff (\'e2 \'f0\'e0\'ec\'ea\'e0\'f5 \'f1\'e4\'e5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8 \'ef\'ee \'ef\'f0\'e8\'ee\'e1\'f0\'e5\'f2\'e5\'ed\'e8\'fe \'ee\'f1\'ed\'ee\'e2\'ed\'fb\'f5 \'f1\'f0\'e5\'e4\'f1\'f2\'e2 (\'ef\'ee\'f0\'f</w:t>
      </w:r>
      <w:r w:rsidRPr="005A1F79">
        <w:rPr>
          <w:rFonts w:ascii="Courier New" w:hAnsi="Courier New" w:cs="Courier New"/>
        </w:rPr>
        <w:t>2\'ee\'e2\'fb\'e5 \'ea\'f0\'e0\'ed\'fb))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{\rtlch\fcs1 \ai\af0\afs22 \ltrch\fcs0 \b\fs22\insrsid8466180\charrsid13642871 \'ce\'e1\'e5\'f1\'ef\'e5\'f7\'e5\'ed\'e8\'e5: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34\ri0\sb20\sa20\widctlpar\wrapdefault\aspal</w:t>
      </w:r>
      <w:r w:rsidRPr="005A1F79">
        <w:rPr>
          <w:rFonts w:ascii="Courier New" w:hAnsi="Courier New" w:cs="Courier New"/>
        </w:rPr>
        <w:t xml:space="preserve">pha\aspnum\faauto\adjustright\rin0\lin34\itap0\pararsid8466180 \rtlch\fcs1 \af0\afs24\alang1025 \ltrch\fcs0 \f1\fs20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i\af0\afs22 \ltrch\fcs0 \f0\fs22\insrsid8466180\charrsid13642871 \'ef\'e</w:t>
      </w:r>
      <w:r w:rsidRPr="005A1F79">
        <w:rPr>
          <w:rFonts w:ascii="Courier New" w:hAnsi="Courier New" w:cs="Courier New"/>
        </w:rPr>
        <w:t xml:space="preserve">e\'f0\'f3\'f7\'e8\'f2\'e5\'eb\'fc\'f1\'f2\'e2\'ee \'f2\'f0\'e5\'f2\'fc\'e8\'f5 \'eb\'e8\'f6:}{\rtlch\fcs1 \af0\afs22 \ltrch\fcs0 \f0\fs22\insrsid8466180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</w:t>
      </w:r>
      <w:r w:rsidRPr="005A1F79">
        <w:rPr>
          <w:rFonts w:ascii="Courier New" w:hAnsi="Courier New" w:cs="Courier New"/>
        </w:rPr>
        <w:t>rsid8466180\charrsid13642871 \hich\af0\dbch\af0\loch\f0 -\tab}}\pard \ltrpar\s43\qj \fi-283\li317\ri0\sb20\sa20\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x317\wrapdefault\aspalpha\aspnum\faauto\ls41\adjustright\rin0\lin317\itap0\pararsid8466180 {\rtlch\fcs1 \af0\afs22 \ltrch\fcs0 \f0\</w:t>
      </w:r>
      <w:r w:rsidRPr="005A1F79">
        <w:rPr>
          <w:rFonts w:ascii="Courier New" w:hAnsi="Courier New" w:cs="Courier New"/>
        </w:rPr>
        <w:t>fs22\insrsid8466180\charrsid13642871 \'ce\'ce\'ce \'ab\'c4\'e0\'eb\'fc\'d0\'fb\'e1\'cf\'ee\'f0\'f2\'bb (\'c8\'cd\'c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2537047582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8466180\charrsid13642871 \hich\af0\d</w:t>
      </w:r>
      <w:r w:rsidRPr="005A1F79">
        <w:rPr>
          <w:rFonts w:ascii="Courier New" w:hAnsi="Courier New" w:cs="Courier New"/>
        </w:rPr>
        <w:t>bch\af0\loch\f0 -\tab}\'c0\'ce \'ab\'c4\'e0\'eb\'fc\'ea\'ee\'ec\'f5\'ee\'eb\'ee\'e4\'bb  (\'c8\'cd\'cd 2537003955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{\listtext\pard\plain\ltrpar \s43 \rtlch\fcs1 \af0\afs22 \ltrch\fcs0 \fs22\insrsid8466180\charrsid13642871 \hich\af0\dbch\af0\loch\f0 </w:t>
      </w:r>
      <w:r w:rsidRPr="005A1F79">
        <w:rPr>
          <w:rFonts w:ascii="Courier New" w:hAnsi="Courier New" w:cs="Courier New"/>
        </w:rPr>
        <w:t>-\tab}\'d0\'fb\'e1\'ee\'eb\'ee\'e2\'e5\'f6\'ea\'e8\'e9 \'ea\'ee\'eb\'f5\'ee\'e7 \'ab\'ce\'e3\'ed\'e8 \'c2\'ee\'f1\'f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0\'bb (\'c8\'cd\'cd 2528004952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84661</w:t>
      </w:r>
      <w:r w:rsidRPr="005A1F79">
        <w:rPr>
          <w:rFonts w:ascii="Courier New" w:hAnsi="Courier New" w:cs="Courier New"/>
        </w:rPr>
        <w:t>80\charrsid13642871 \hich\af0\dbch\af0\loch\f0 -\tab}\'ce\'ce\'ce \'ab\'c0\'ea\'e2\'e0-\'d0\'e5\'f1\'f3\'f0\'f1\'fb\'bb (\'c8\'cd\'cd 25370525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8466180\charrsid13642</w:t>
      </w:r>
      <w:r w:rsidRPr="005A1F79">
        <w:rPr>
          <w:rFonts w:ascii="Courier New" w:hAnsi="Courier New" w:cs="Courier New"/>
        </w:rPr>
        <w:t>871 \hich\af0\dbch\af0\loch\f0 -\tab}\'ce\'ce\'ce \'ab\'cc\'e0\'e3\'e8\'f1\'f2\'f0\'e0\'eb\'fc-\'c4\'c2\'bb (\'c8\'cd\'cd 25400778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8466180\charrsid13642871 \hich\af</w:t>
      </w:r>
      <w:r w:rsidRPr="005A1F79">
        <w:rPr>
          <w:rFonts w:ascii="Courier New" w:hAnsi="Courier New" w:cs="Courier New"/>
        </w:rPr>
        <w:t>0\dbch\af0\loch\f0 -\tab}\'ce\'ce\'ce \'ab\'c4\'e0\'eb\'fc\'ed\'e5\'e2\'ee\'f1\'f2\'ee\'f7\'ed\'e0\'ff \'f2\'f0\'e0\'ed\'f1\'ef\'ee\'f0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0\'ff \'ea\'ee\'ec\'ef\'e0\'ed\'e8\'ff\'bb (\'c8\'cd\'cd 253708931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</w:t>
      </w:r>
      <w:r w:rsidRPr="005A1F79">
        <w:rPr>
          <w:rFonts w:ascii="Courier New" w:hAnsi="Courier New" w:cs="Courier New"/>
        </w:rPr>
        <w:t>3 \rtlch\fcs1 \af0\afs22 \ltrch\fcs0 \fs22\insrsid8466180\charrsid13642871 \hich\af0\dbch\af0\loch\f0 -\tab}\'ce\'ce\'ce \'ab\'d2\'e8\'f5\'ee\'ee\'ea\'e5\'e0\'ed\'f1\'ea\'e8\'e9 \'e1\'e0\'eb\'ea\'e5\'f0\'ed\'fb\'e9 \'f2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c\'e8\'ed\'e0\'eb\'bb (\</w:t>
      </w:r>
      <w:r w:rsidRPr="005A1F79">
        <w:rPr>
          <w:rFonts w:ascii="Courier New" w:hAnsi="Courier New" w:cs="Courier New"/>
        </w:rPr>
        <w:t>'c8\'cd\'cd 2537131611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8466180\charrsid13642871 \hich\af0\dbch\af0\loch\f0 -\tab}\'ce\'ce\'ce \'ab\'d2\'e5\'f0\'ec\'e8\'ed\'e0\'eb \'c0\'f1\'f2\'e0\'f4\'fc\'e5\'e2\'e</w:t>
      </w:r>
      <w:r w:rsidRPr="005A1F79">
        <w:rPr>
          <w:rFonts w:ascii="Courier New" w:hAnsi="Courier New" w:cs="Courier New"/>
        </w:rPr>
        <w:t>0\'bb (\'c8\'cd\'c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2508129784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8466180\charrsid13642871 \hich\af0\dbch\af0\loch\f0 -\tab}\'ce\'ce\'ce \'ab\'c1\'e5\'f0\'e5\'e3\'e0 \'cf\'f0\'e8\'ec\'ee\'f0\'fc\'ff\</w:t>
      </w:r>
      <w:r w:rsidRPr="005A1F79">
        <w:rPr>
          <w:rFonts w:ascii="Courier New" w:hAnsi="Courier New" w:cs="Courier New"/>
        </w:rPr>
        <w:t>'bb (\'c8\'cd\'cd 2537082386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43 \rtlch\fcs1 \af0\afs22 \ltrch\fcs0 \fs22\insrsid8466180\charrsid13642871 \hich\af0\dbch\af0\loch\f0 -\tab}\'ce\'ce\'ce \'ab\'c0\'ea\'e2\'e0\'e8\'ed\'e4\'f3\'f1\'f2\'f0\'e8\'ff\'bb (\'c8</w:t>
      </w:r>
      <w:r w:rsidRPr="005A1F79">
        <w:rPr>
          <w:rFonts w:ascii="Courier New" w:hAnsi="Courier New" w:cs="Courier New"/>
        </w:rPr>
        <w:t>\'cd\'cd 2537067613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s43\qj \li0\ri0\sb20\sa20\widctlpar\tx350\wrapdefault\aspalpha\aspnum\faauto\adjustright\rin0\lin0\itap0\pararsid8466180 {\rtlch\fcs1 \af0\afs22 \ltrch\fcs0 \f0\fs22\insrsid8466180\charrsid13642871 -   \'ca\'ee\'e</w:t>
      </w:r>
      <w:r w:rsidRPr="005A1F79">
        <w:rPr>
          <w:rFonts w:ascii="Courier New" w:hAnsi="Courier New" w:cs="Courier New"/>
        </w:rPr>
        <w:t xml:space="preserve">d\'e4\'f0\'e0\'f2\'ee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d0\'f3\'f1\'eb\'e0\'ed \'c2\'e8\'ea\'f2\'ee\'f0\'ee\'e2\'e8\'f7;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4\qj \li0\ri0\nowidctlpar\wrapdefault\faauto\rin0\lin0\itap0\pararsid8466180 \rtlch\fcs1 \af1\afs24\alang1025 \ltrch\fcs0 \f1\fs24\</w:t>
      </w:r>
      <w:r w:rsidRPr="005A1F79">
        <w:rPr>
          <w:rFonts w:ascii="Courier New" w:hAnsi="Courier New" w:cs="Courier New"/>
        </w:rPr>
        <w:t xml:space="preserve">cf1\lang1049\langfe1049\cgrid\langnp1049\langfenp1049 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cf0\insrsid8466180\charrsid13642871 \'c2\'e8\'e4 \'ee\'f2\'e2\'e5\'f2\'f1\'f2\'e2\'e5\'ed\'ed\'ee\'f1\'f2\'e8 \'ef\'ee\'f0\'f3\'f7\'e8\'f2\'e5\'eb\'ff: \'f</w:t>
      </w:r>
      <w:r w:rsidRPr="005A1F79">
        <w:rPr>
          <w:rFonts w:ascii="Courier New" w:hAnsi="Courier New" w:cs="Courier New"/>
        </w:rPr>
        <w:t xml:space="preserve">1\'ee\'eb\'e8\'e4\'e0\'f0\'ed\'e0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0\'e0\'e7\'ec\'e5\'f0 \'ee\'f2\'e2\'e5\'f2\'f1\'f2\'e2\'e5\'ed\'ed\'ee\'f1\'f2\'e8 \'ef\'ee\'f0\'f3\'f7\'e8\'f2\'e5\'eb\'ff: \'ed\'e0 \'e2\'f1\'fe \'f1\'f3\'ec\'ec\'f3 \'ee\'e1\'ff\'e7\'e0\'f2\'e5\'eb\'fc\'f1</w:t>
      </w:r>
      <w:r w:rsidRPr="005A1F79">
        <w:rPr>
          <w:rFonts w:ascii="Courier New" w:hAnsi="Courier New" w:cs="Courier New"/>
        </w:rPr>
        <w:t>\'f2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widctlpar\tx350\wrapdefault\aspalpha\aspnum\faauto\adjustright\rin0\lin0\itap0\pararsid8466180 \rtlch\fcs1 \af0\afs24\alang1025 \ltrch\fcs0 \f1\fs20\lang1049\langfe1049\cgrid\langnp1049\langfenp1049 {\rt</w:t>
      </w:r>
      <w:r w:rsidRPr="005A1F79">
        <w:rPr>
          <w:rFonts w:ascii="Courier New" w:hAnsi="Courier New" w:cs="Courier New"/>
        </w:rPr>
        <w:t xml:space="preserve">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0\fs22\insrsid8466180\charrsid13642871 \'c7\'e0\'eb\'ee\'e3 \'e8\'ec\'f3\'f9\'e5\'f1\'f2\'e2\'e0, \'ef\'f0\'e8\'ee\'e1\'f0\'e5\'f2\'e5\'ed\'ed\'ee\'e3\'ee \'e7\'e0 \'f1\'f7\'e5\'f2 \'ea\'f0\'e5\'e4\'e8\'f2\'ed\'fb\'f5 \'</w:t>
      </w:r>
      <w:r w:rsidRPr="005A1F79">
        <w:rPr>
          <w:rFonts w:ascii="Courier New" w:hAnsi="Courier New" w:cs="Courier New"/>
        </w:rPr>
        <w:t>f1\'f0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f1\'f2\'e2 \'e1\'e0\'ed\'ea\'e0: \'ed\'e5\'e4\'e2\'e8\'e6\'e8\'ec\'ee\'e3\'ee \'e8\'ec\'f3\'f9\'e5\'f1\'f2\'e2\'e0 }{\rtlch\fcs1 \ai\af0\afs22 \ltrch\fcs0 \f0\fs22\cf1\insrsid8466180\charrsid13642871 (\'e7\'e4\'e0\'ed\'e8\'ff, \'ed\'e5\'e</w:t>
      </w:r>
      <w:r w:rsidRPr="005A1F79">
        <w:rPr>
          <w:rFonts w:ascii="Courier New" w:hAnsi="Courier New" w:cs="Courier New"/>
        </w:rPr>
        <w:t>6\'e8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b\'e5 \'ef\'ee\'ec\'e5\'f9\'e5\'ed\'e8\'ff, \'f1\'ee\'ee\'f0\'f3\'e6\'e5\'ed\'e8\'ff, \'e7\'e5\'ec\'e5\'eb\'fc\'ed\'fb\'e5 \'f3\'f7\'e0\'f1\'f2\'ea\'e8, \'e2 \'f2. \'f7. \'ef\'f0\'e0\'e2\'ee \'e0\'f0\'e5\'ed\'e4\'fb \'e7\'e5\'ec\'e5\'eb\'fc\'</w:t>
      </w:r>
      <w:r w:rsidRPr="005A1F79">
        <w:rPr>
          <w:rFonts w:ascii="Courier New" w:hAnsi="Courier New" w:cs="Courier New"/>
        </w:rPr>
        <w:t>ed\'fb\'f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\'f3\'f7\'e0\'f1\'f2\'ea\'ee\'e2)}{\rtlch\fcs1 \af0\afs22 \ltrch\fcs0 \f0\fs22\insrsid8466180\charrsid13642871 , \'ee\'e1\'ee\'f0\'f3\'e4\'ee\'e2\'e0\'ed\'e8\'ff, \'f2\'f0\'e0\'ed\'f1\'ef\'ee\'f0\'f2\'ed\'fb\'f5 \'f1\'f0\'e5\'e4\'f1\'f2\'e2/ }</w:t>
      </w:r>
      <w:r w:rsidRPr="005A1F79">
        <w:rPr>
          <w:rFonts w:ascii="Courier New" w:hAnsi="Courier New" w:cs="Courier New"/>
        </w:rPr>
        <w:t>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i\af0\afs22 \ltrch\fcs0 \f0\fs22\insrsid8466180\charrsid13642871 \'f1\'e0\'ec\'ee\'f5\'ee\'e4\'ed\'ee\'e9 \'f2\'e5\'f5\'ed\'e8\'ea\'e8,}{\rtlch\fcs1 \af0\afs22 \ltrch\fcs0 \f0\fs22\insrsid8466180\charrsid13642871  \'ef\'f0\'e8\'ed\'e0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6\'e0\'f9\'e5\'e3\'ee \'c0\'ce \'ab\'d2\'e5\'f0\'ec\'e8\'ed\'e0\'eb \'c0\'f1\'f2\'e0\'f4\'fc\'e5\'e2\'e0\'bb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tqc\tx4677\tqr\tx9355\wrapdefault\aspalpha\aspnum\faauto\adjustright\rin0\lin0\itap0\</w:t>
      </w:r>
      <w:r w:rsidRPr="005A1F79">
        <w:rPr>
          <w:rFonts w:ascii="Courier New" w:hAnsi="Courier New" w:cs="Courier New"/>
        </w:rPr>
        <w:t>pararsid8466180 \rtlch\fcs1 \af0\afs20\alang1025 \ltrch\fcs0 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b\af0\afs22 \ltrch\fcs0 \b\fs22\expnd4\expndtw20\insrsid8466180\charrsid13642871 \'cf\'f0\'ee\'f6\'e5\'ed\'f2\'ed\'e0\'ff </w:t>
      </w:r>
      <w:r w:rsidRPr="005A1F79">
        <w:rPr>
          <w:rFonts w:ascii="Courier New" w:hAnsi="Courier New" w:cs="Courier New"/>
        </w:rPr>
        <w:t>\'f1\'f2\'e0\'e2\'ea\'e0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4\qj \li0\ri0\nowidctlpar\wrapdefault\faauto\rin0\lin0\itap0\pararsid8466180 \rtlch\fcs1 \af1\afs24\alang1025 \ltrch\fcs0 \f1\fs24\cf1\lang1049\langfe1049\cgrid\langnp1049\langfenp1049 {\rtlch\fcs1 \af</w:t>
      </w:r>
      <w:r w:rsidRPr="005A1F79">
        <w:rPr>
          <w:rFonts w:ascii="Courier New" w:hAnsi="Courier New" w:cs="Courier New"/>
        </w:rPr>
        <w:t xml:space="preserve">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i\f0\fs22\cf0\insrsid8466180\charrsid13642871 \'ca\'eb\'fe\'f7\'e5\'e2\'e0\'ff \'f1\'f2\'e0\'e2\'ea\'e0 \'c1\'e0\'ed\'ea\'e0 \'d0\'ee\'f1\'f1\'e8\'e8, \'f3\'e2\'e5\'eb\'e8\'f7\'e5\'ed\'ed\'e0\'ff \'ed\'e5 \'e1\'ee\'eb\'e5\'e5 \'f7\'e</w:t>
      </w:r>
      <w:r w:rsidRPr="005A1F79">
        <w:rPr>
          <w:rFonts w:ascii="Courier New" w:hAnsi="Courier New" w:cs="Courier New"/>
        </w:rPr>
        <w:t xml:space="preserve">5\'ec \'ed\'e0 2,8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e\'f6\'e5\'ed\'f2\'e0 \'e3\'ee\'e4\'ee\'e2\'fb\'f5}{\rtlch\fcs1 \af0\afs22 \ltrch\fcs0 \f0\fs22\cf0\insrsid8466180\charrsid13642871 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tqc\tx4677\tqr\tx9355\wrapdefault\aspalp</w:t>
      </w:r>
      <w:r w:rsidRPr="005A1F79">
        <w:rPr>
          <w:rFonts w:ascii="Courier New" w:hAnsi="Courier New" w:cs="Courier New"/>
        </w:rPr>
        <w:t>ha\aspnum\faauto\adjustright\rin0\lin0\itap0\pararsid8466180 \rtlch\fcs1 \af0\afs20\alang1025 \ltrch\fcs0 \fs20\lang1049\langfe1049\cgrid\langnp1049\langfenp1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b\af0\afs22 \ltrch\fcs0 \b\fs22\expnd4\expndtw20\insrsid8466180\charrsid13642</w:t>
      </w:r>
      <w:r w:rsidRPr="005A1F79">
        <w:rPr>
          <w:rFonts w:ascii="Courier New" w:hAnsi="Courier New" w:cs="Courier New"/>
        </w:rPr>
        <w:t xml:space="preserve">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6\qj \li0\ri0\widctlpar\tqc\tx4153\tqr\tx8306\wrapdefault\aspalpha\aspnum\faauto\adjustright\rin0\lin0\itap0\pararsid8466180 \rtlch\fcs1 \af0\afs20\alang1025 \ltrch\fcs0 \fs20\lang1049\langfe1049\cgrid\langnp1049\langfenp1</w:t>
      </w:r>
      <w:r w:rsidRPr="005A1F79">
        <w:rPr>
          <w:rFonts w:ascii="Courier New" w:hAnsi="Courier New" w:cs="Courier New"/>
        </w:rPr>
        <w:t>049 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fs22\insrsid8466180\charrsid13642871 \'c7\'ed\'e0\'f7\'e5\'ed\'e8\'e5 \'ea\'eb\'fe\'f7\'e5\'e2\'ee\'e9 \'f1\'f2\'e0\'e2\'ea\'e8 \'c1\'e0\'ed\'ea\'e0 \'d0\'ee\'f1\'f1\'e8\'e8 \'ee\'ef\'f0\'e5\'e4\'e5\'eb\'ff\'e5\'f</w:t>
      </w:r>
      <w:r w:rsidRPr="005A1F79">
        <w:rPr>
          <w:rFonts w:ascii="Courier New" w:hAnsi="Courier New" w:cs="Courier New"/>
        </w:rPr>
        <w:t>2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\'ed\'e0 \'ee\'f1\'ed\'ee\'e2\'e0\'ed\'e8\'e8 \'e8\'ed\'f4\'ee\'f0\'ec\'e0\'f6\'e8\'e8, \'f0\'e0\'e7\'ec\'e5\'f9\'e5\'ed\'ed\'ee\'e9 \'ed\'e0 \'ee\'f4\'e8\'f6\'e8\'e0\'eb\'fc\'ed\'ee\'ec \'f1\'e0\'e9\'f2\'e5 \'c1\'e0\'ed\'ea\'e0 \'d0\'ee\'f1\'f</w:t>
      </w:r>
      <w:r w:rsidRPr="005A1F79">
        <w:rPr>
          <w:rFonts w:ascii="Courier New" w:hAnsi="Courier New" w:cs="Courier New"/>
        </w:rPr>
        <w:t>1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8 \'e2 \'f1\'e5\'f2\'e8 \'c8\'ed\'f2\'e5\'f0\'ed\'e5\'f2 (\'ed\'e0 \'f1\'e0\'e9\'f2\'e5 www.cbr.ru \'e8\'eb\'e8 \'e8\'ed\'ee\'ec \'ee\'f4\'e8\'f6\'e8\'e0\'eb\'fc\'ed\'ee\'ec \'f1\'e0\'e9\'f2\'e5 \'c1\'e0\'ed\'ea\'e0 \'d0\'ee\'f1\'f1\'e8\'e8 \'e2 </w:t>
      </w:r>
      <w:r w:rsidRPr="005A1F79">
        <w:rPr>
          <w:rFonts w:ascii="Courier New" w:hAnsi="Courier New" w:cs="Courier New"/>
        </w:rPr>
        <w:t>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f3\'f7\'e0\'e5 \'e5\'e3\'ee \'e8\'e7\'ec\'e5\'ed\'e5\'ed\'e8\'ff)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43\qj \li0\ri0\widctlpar\tx317\wrapdefault\aspalpha\aspnum\faauto\adjustright\rin0\lin0\itap0\pararsid8466180 \rtlch\fcs1 \af0\afs24\alang1025 \ltrch</w:t>
      </w:r>
      <w:r w:rsidRPr="005A1F79">
        <w:rPr>
          <w:rFonts w:ascii="Courier New" w:hAnsi="Courier New" w:cs="Courier New"/>
        </w:rPr>
        <w:t xml:space="preserve">\fcs0 \f1\fs20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0\fs22\insrsid8466180\charrsid13642871 \'cf\'e5\'f0\'e5\'f1\'ec\'ee\'f2\'f0 \'ea\'eb\'fe\'f7\'e5\'e2\'ee\'e9 \'f1\'f2\'e0\'e2\'ea\'e8 \'c1\'e0\'ed\'ea\</w:t>
      </w:r>
      <w:r w:rsidRPr="005A1F79">
        <w:rPr>
          <w:rFonts w:ascii="Courier New" w:hAnsi="Courier New" w:cs="Courier New"/>
        </w:rPr>
        <w:t>'e0 \'d0\'ee\'f1\'f1\'e8\'e8 \'ee\'f1\'f3\'f9\'e5\'f1\'f2\'e2\'eb\'ff\'e5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f \'ed\'e0 \'e5\'e6\'e5\'e4\'ed\'e5\'e2\'ed\'ee\'e9 \'ee\'f1\'ed\'ee\'e2\'e5. \'cf\'f0\'e8 \'e8\'e7\'ec\'e5\'ed\'e5\'ed\'e8\'e8 \'ea\'eb\'fe\'f7\'e5\'e2\'ee\'e9 \'f1\'f2\</w:t>
      </w:r>
      <w:r w:rsidRPr="005A1F79">
        <w:rPr>
          <w:rFonts w:ascii="Courier New" w:hAnsi="Courier New" w:cs="Courier New"/>
        </w:rPr>
        <w:t>'e0\'e2\'ea\'e8 \'c1\'e0\'ed\'ea\'e0 \'d0\'ee\'f1\'f1\'e8\'e8 \'ef\'f0\'ee\'f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d\'f2\'ed\'e0\'ff \'f1\'f2\'e0\'e2\'ea\'e0 \'ef\'ee \'ca\'f0\'e5\'e4\'e8\'f2\'ed\'ee\'e9 \'eb\'e8\'ed\'e8\'e8 \'f1\'f7\'e8\'f2\'e0\'e5\'f2\'f1\'ff \'e8\'e7\'ec\'e5\'ed\'</w:t>
      </w:r>
      <w:r w:rsidRPr="005A1F79">
        <w:rPr>
          <w:rFonts w:ascii="Courier New" w:hAnsi="Courier New" w:cs="Courier New"/>
        </w:rPr>
        <w:t xml:space="preserve">e5\'ed\'ed\'ee\'e9 \'e2 \'e4\'e0\'f2\'f3, \'f1 \'ea\'ee\'f2\'ee\'f0\'ee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f1\'f2\'e0\'ed\'e0\'e2\'eb\'e8\'e2\'e0\'e5\'f2\'f1\'ff \'ed\'ee\'e2\'ee\'e5 \'e7\'ed\'e0\'f7\'e5\'ed\'e8\'e5 \'ea\'eb\'fe\'f7\'e5\'e2\'ee\'e9 \'f1\'f2\'e0\'e2\'ea\'e8 \'c1\</w:t>
      </w:r>
      <w:r w:rsidRPr="005A1F79">
        <w:rPr>
          <w:rFonts w:ascii="Courier New" w:hAnsi="Courier New" w:cs="Courier New"/>
        </w:rPr>
        <w:t>'e0\'ed\'ea\'e0 \'d0\'ee\'f1\'f1\'e8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0\fs22\expnd4\expndtw20\insrsid8466180\charrsid13642871 \'cd\'e0\'e4\'e1\'e0\'e2\'ea\'e0 \'ea \'ef\'f0\'ee\'f6\'e5\'ed\'f2\'ed\'ee\'e9 \'f1\'f2\'e0\'e2\'ea\'e5 \'e7</w:t>
      </w:r>
      <w:r w:rsidRPr="005A1F79">
        <w:rPr>
          <w:rFonts w:ascii="Courier New" w:hAnsi="Courier New" w:cs="Courier New"/>
        </w:rPr>
        <w:t>\'e0 \'ef\'ee\'e4\'e4\'e5\'f0\'e6\'e0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a\'f0\'e5\'e4\'e8\'f2\'ee\'e2\'fb\'f5 \'ee\'e1\'ee\'f0\'ee\'f2\'ee\'e2 \'ec\'e5\'ed\'e5\'e5 \'f3\'f1\'f2\'e0\'ed\'ee\'e2\'eb\'e5\'ed\'ed\'ee\'e3\'ee \'f0\'e0\'e7\'ec\'e5\'f0\'e0: }{\rtlch\fcs1 \ab\af0\</w:t>
      </w:r>
      <w:r w:rsidRPr="005A1F79">
        <w:rPr>
          <w:rFonts w:ascii="Courier New" w:hAnsi="Courier New" w:cs="Courier New"/>
        </w:rPr>
        <w:t xml:space="preserve">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0\fs22\expnd4\expndtw20\insrsid8466180\charrsid13642871 1 % \'e3\'ee\'e4\'ee\'e2\'fb\'f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aspalpha\aspnum\faauto\adjustright\rin0\lin0\itap0\pararsid8466180 \rtlch\fcs1 \af0</w:t>
      </w:r>
      <w:r w:rsidRPr="005A1F79">
        <w:rPr>
          <w:rFonts w:ascii="Courier New" w:hAnsi="Courier New" w:cs="Courier New"/>
        </w:rPr>
        <w:t xml:space="preserve">\afs20\alang1025 \ltrch\fcs0 \fs20\lang1049\langfe1049\cgrid\langnp1049\langfenp1049 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s22\expnd4\expndtw20\insrsid8466180\charrsid13642871 \'cd\'e0\'e4\'e1\'e0\'e2\'ea\'e0 \'ea \'ef\'f0\'ee\'f6\'e5\'ed\'f2\'ed\'e</w:t>
      </w:r>
      <w:r w:rsidRPr="005A1F79">
        <w:rPr>
          <w:rFonts w:ascii="Courier New" w:hAnsi="Courier New" w:cs="Courier New"/>
        </w:rPr>
        <w:t>e\'e9 \'f1\'f2\'e0\'e2\'ea\'e5 \'e7\'e0 \'ef\'ee\'e4\'e4\'e5\'f0\'e6\'e0\'ed\'e8\'e5 \'e4\'e5\'e1\'e5\'f2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b\'f5 \'ee\'e1\'ee\'f0\'ee\'f2\'ee\'e2 \'ec\'e5\'ed\'e5\'e5 \'f3\'f1\'f2\'e0\'ed\'ee\'e2\'eb\'e5\'ed\'ed\'ee\'e3\'ee \'f0\'e0\'e7\'ec\'e5\</w:t>
      </w:r>
      <w:r w:rsidRPr="005A1F79">
        <w:rPr>
          <w:rFonts w:ascii="Courier New" w:hAnsi="Courier New" w:cs="Courier New"/>
        </w:rPr>
        <w:t xml:space="preserve">'f0\'e0:}{\rtlch\fcs1 \af0\afs22 \ltrch\fcs0 \fs22\insrsid8466180\charrsid13642871  }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expnd4\expndtw20\insrsid8466180\charrsid13642871 1 % \'e3\'ee\'e4\'ee\'e2\'fb\'f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</w:t>
      </w:r>
      <w:r w:rsidRPr="005A1F79">
        <w:rPr>
          <w:rFonts w:ascii="Courier New" w:hAnsi="Courier New" w:cs="Courier New"/>
        </w:rPr>
        <w:t>r\tx252\tqc\tx4677\tqr\tx9355\wrapdefault\aspalpha\aspnum\faauto\adjustright\rin0\lin0\itap0\pararsid8466180 {\rtlch\fcs1 \af0\afs22 \ltrch\fcs0 \fs22\lang1049\langfe1033\langfenp1033\insrsid8466180\charrsid13642871 \'c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\'f1\'eb\'f3\'f7\'e0\'e5 \'e2\'ee</w:t>
      </w:r>
      <w:r w:rsidRPr="005A1F79">
        <w:rPr>
          <w:rFonts w:ascii="Courier New" w:hAnsi="Courier New" w:cs="Courier New"/>
        </w:rPr>
        <w:t xml:space="preserve">\'e7\'ed\'e8\'ea\'ed\'ee\'e2\'e5\'ed\'e8\'ff \'ee\'f1\'ed\'ee\'e2\'e0\'ed\'e8\'ff \'e4\'eb\'ff \'ef\'f0\'e8\'ec\'e5\'ed\'e5\'ed\'e8\'ff \'ed\'e0\'e4\'e1\'e0\'e2\'ea\'e8 \'ee\'e4\'ed\'ee\'e2\'f0\'e5\'ec\'e5\'ed\'ed\'ee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0 \'ed\'e5\'e2\'fb\'ef\'ee\'e</w:t>
      </w:r>
      <w:r w:rsidRPr="005A1F79">
        <w:rPr>
          <w:rFonts w:ascii="Courier New" w:hAnsi="Courier New" w:cs="Courier New"/>
        </w:rPr>
        <w:t>b\'ed\'e5\'ed\'e8\'e5 \'ea\'f0\'e5\'e4\'e8\'f2\'ee\'e2\'fb\'f5 \'ee\'e1\'ee\'f0\'ee\'f2\'ee\'e2 \'e8 \'e4\'e5\'e1\'e5\'f2\'ee\'e2\'fb\'f5 \'ee\'e1\'ee\'f0\'ee\'f2\'ee\'e2, \'ed\'e0\'e4\'e1\'e0\'e2\'ea\'e0 \'ec\'ee\'e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f2 \'e1\'fb\'f2\'fc \'ef\'f0\'e</w:t>
      </w:r>
      <w:r w:rsidRPr="005A1F79">
        <w:rPr>
          <w:rFonts w:ascii="Courier New" w:hAnsi="Courier New" w:cs="Courier New"/>
        </w:rPr>
        <w:t>8\'ec\'e5\'ed\'e5\'ed\'e0 \'f2\'ee\'eb\'fc\'ea\'ee \'ef\'ee \'ee\'e4\'ed\'ee\'ec\'f3 \'e8\'e7 \'ee\'f1\'ed\'ee\'e2\'e0\'ed\'e8\'e9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nowidctlpar\tqc\tx4677\tqr\tx9355\wrapdefault\aspalpha\aspnum\faauto\adjustright\rin0\lin0\</w:t>
      </w:r>
      <w:r w:rsidRPr="005A1F79">
        <w:rPr>
          <w:rFonts w:ascii="Courier New" w:hAnsi="Courier New" w:cs="Courier New"/>
        </w:rPr>
        <w:t>itap0\pararsid8466180 {\rtlch\fcs1 \af0\afs22 \ltrch\fcs0 \fs22\lang1049\langfe1033\langfenp1033\insrsid8466180\charrsid13642871 \'c8\'e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5\'ed\'e5\'ed\'ed\'e0\'ff \'ef\'f0\'ee\'f6\'e5\'ed\'f2\'ed\'e0\'ff \'f1\'f2\'e0\'e2\'ea\'e0 \'ed\'e0\'f7\'e8\'</w:t>
      </w:r>
      <w:r w:rsidRPr="005A1F79">
        <w:rPr>
          <w:rFonts w:ascii="Courier New" w:hAnsi="Courier New" w:cs="Courier New"/>
        </w:rPr>
        <w:t>ed\'e0\'e5\'f2 \'e4\'e5\'e9\'f1\'f2\'e2\'ee\'e2\'e0\'f2\'fc \'f1 1-\'e3\'ee \'f7\'e8\'f1\'eb\'e0 \'ec\'e5\'f1\'ff\'f6\'e0, \'f1\'eb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f3\'fe\'f9\'e5\'e3\'ee \'e7\'e0 \'ec\'e5\'f1\'ff\'f6\'e5\'ec, \'e2 \'ea\'ee\'f2\'ee\'f0\'ee\'ec \'c7\'e0\'e5\'ec\</w:t>
      </w:r>
      <w:r w:rsidRPr="005A1F79">
        <w:rPr>
          <w:rFonts w:ascii="Courier New" w:hAnsi="Courier New" w:cs="Courier New"/>
        </w:rPr>
        <w:t>'f9\'e8\'ea\'f3 \'e1\'fb\'eb\'ee \'ed\'e0\'ef\'f0\'e0\'e2\'eb\'e5\'ed\'ee \'ef\'e8\'f1\'fc\'ec\'e5\'ed\'ed\'ee\'e5 \'f3\'e2\'e5\'e4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b\'e5\'ed\'e8\'e5 \'ee\'e1 \'e8\'e7\'ec\'e5\'ed\'e5\'ed\'e8\'e8 \'ef\'f0\'ee\'f6\'e5\'ed\'f2\'ed\'ee\'e9 \'f1\'f</w:t>
      </w:r>
      <w:r w:rsidRPr="005A1F79">
        <w:rPr>
          <w:rFonts w:ascii="Courier New" w:hAnsi="Courier New" w:cs="Courier New"/>
        </w:rPr>
        <w:t>2\'e0\'e2\'ea\'e8 \'ef\'ee \'ef\'ee\'f1\'eb\'e5\'e4\'ed\'e5\'e5 \'f7\'e8\'f1\'eb\'ee \'ec\'e5\'f1\'ff\'f6\'e0, \'e2 \'ea\'ee\'f2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c \'e2\'fb\'ef\'ee\'eb\'ed\'e5\'ed\'ee \'f3\'f1\'eb\'ee\'e2\'e8\'e5 \'ee \'ed\'e5\'ee\'e1\'f5\'ee\'e4\'e8\'ec\'</w:t>
      </w:r>
      <w:r w:rsidRPr="005A1F79">
        <w:rPr>
          <w:rFonts w:ascii="Courier New" w:hAnsi="Courier New" w:cs="Courier New"/>
        </w:rPr>
        <w:t>ee\'ec \'f0\'e0\'e7\'ec\'e5\'f0\'e5 \'ee\'e1\'ee\'f0\'ee\'f2\'ee\'e2, \'ed\'e0\'f0\'f3\'f8\'e5\'ed\'e8\'e5 \'ea\'ee\'f2\'ee\'f0\'e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 \'ff\'e2\'e8\'eb\'ee\'f1\'fc \'ee\'f1\'ed\'ee\'e2\'e0\'ed\'e8\'e5\'ec \'e4\'eb\'ff \'e8\'e7\'ec\'e5\'ed\'e5\'ed\'e</w:t>
      </w:r>
      <w:r w:rsidRPr="005A1F79">
        <w:rPr>
          <w:rFonts w:ascii="Courier New" w:hAnsi="Courier New" w:cs="Courier New"/>
        </w:rPr>
        <w:t>8\'ff \'ef\'f0\'ee\'f6\'e5\'ed\'f2\'ed\'ee\'e9 \'f1\'f2\'e0\'e2\'ea\'e8 (\'e2\'ea\'eb\'fe\'f7\'e8\'f2\'e5\'eb\'fc\'ed\'ee).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f0\afs22 \ltrch\fcs0 \i\fs22\lang1049\langfe1033\langfenp1033\insrsid846618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</w:t>
      </w:r>
      <w:r w:rsidRPr="005A1F79">
        <w:rPr>
          <w:rFonts w:ascii="Courier New" w:hAnsi="Courier New" w:cs="Courier New"/>
        </w:rPr>
        <w:t>\qj \li0\ri0\widctlpar\wrapdefault\aspalpha\aspnum\faauto\adjustright\rin0\lin0\itap0\pararsid8466180 {\rtlch\fcs1 \ab\af0\afs22 \ltrch\fcs0 \b\fs22\expnd4\expndtw20\insrsid8466180\charrsid13642871 \'ca\'ee\'ec\'e8\'f1\'f1\'e8\'e8/\'e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d\'e0\'e</w:t>
      </w:r>
      <w:r w:rsidRPr="005A1F79">
        <w:rPr>
          <w:rFonts w:ascii="Courier New" w:hAnsi="Courier New" w:cs="Courier New"/>
        </w:rPr>
        <w:t>3\'f0\'e0\'e6\'e4\'e5\'ed\'e8\'ff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6\ql \li0\ri0\widctlpar\wrapdefault\aspalpha\aspnum\faauto\adjustright\rin0\lin0\itap0\pararsid8466180 \rtlch\fcs1 \af0\afs20\alang1025 \ltrch\fcs0 \fs20\lang1049\langfe1049\cgrid\langnp1049\l</w:t>
      </w:r>
      <w:r w:rsidRPr="005A1F79">
        <w:rPr>
          <w:rFonts w:ascii="Courier New" w:hAnsi="Courier New" w:cs="Courier New"/>
        </w:rPr>
        <w:t xml:space="preserve">angfenp1049 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b\fs22\expnd4\expndtw20\insrsid8466180\charrsid13642871 \'c7\'e0 \'ee\'e1\'ff\'e7\'e0\'f2\'e5\'eb\'fc\'f1\'f2\'e2\'ee:}{\rtlch\fcs1 \ab\af0\afs22 \ltrch\fcs0 \fs22\expnd4\expndtw20\insrsid8466180\charrs</w:t>
      </w:r>
      <w:r w:rsidRPr="005A1F79">
        <w:rPr>
          <w:rFonts w:ascii="Courier New" w:hAnsi="Courier New" w:cs="Courier New"/>
        </w:rPr>
        <w:t>id13642871  0,20% \'e3\'ee\'e4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b\'f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aspalpha\aspnum\faauto\adjustright\rin0\lin0\itap0\pararsid8466180 \rtlch\fcs1 \af0\afs20\alang1025 \ltrch\fcs0 \fs20\lang1049\langfe1049\cgrid\la</w:t>
      </w:r>
      <w:r w:rsidRPr="005A1F79">
        <w:rPr>
          <w:rFonts w:ascii="Courier New" w:hAnsi="Courier New" w:cs="Courier New"/>
        </w:rPr>
        <w:t xml:space="preserve">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8466180\charrsid13642871 \'ca\'ee\'ec\'e8\'f1\'f1\'e8\'ff \'e7\'e0 \'ee\'e1\'ff\'e7\'e0\'f2\'e5\'eb\'fc\'f1\'f2\'e2\'ee \'ed\'e0\'f7\'e8\'f1\'eb\'ff\'e5\'f2\'f1\'ff \'f1 6- \'e3\'ee \</w:t>
      </w:r>
      <w:r w:rsidRPr="005A1F79">
        <w:rPr>
          <w:rFonts w:ascii="Courier New" w:hAnsi="Courier New" w:cs="Courier New"/>
        </w:rPr>
        <w:t>'f0\'e0\'e1\'ee\'f7\'e5\'e3\'ee \'e4\'ed\'ff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56\ql \li0\ri0\widctlpar\wrapdefault\aspalpha\aspnum\faauto\adjustright\rin0\lin0\itap0\pararsid8466180 \rtlch\fcs1 \af0\afs20\alang1025 \ltrch\fcs0 \fs20\lang1049\langfe1049\cgrid</w:t>
      </w:r>
      <w:r w:rsidRPr="005A1F79">
        <w:rPr>
          <w:rFonts w:ascii="Courier New" w:hAnsi="Courier New" w:cs="Courier New"/>
        </w:rPr>
        <w:t xml:space="preserve">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8466180\charrsid13642871 \'d3\'ef\'eb\'e0\'f7\'e8\'e2\'e0\'e5\'f2\'f1\'ff \'e2 \'e4\'e0\'f2\'fb, \'f3\'f1\'f2\'e0\'ed\'ee\'e2\'eb\'e5\'ed\'ed\'fb\'e5 \'e4\'eb\'ff \'f3\'ef\'eb\'e0\</w:t>
      </w:r>
      <w:r w:rsidRPr="005A1F79">
        <w:rPr>
          <w:rFonts w:ascii="Courier New" w:hAnsi="Courier New" w:cs="Courier New"/>
        </w:rPr>
        <w:t xml:space="preserve">'f2\'fb \'ef\'f0\'ee\'f6\'e5\'ed\'f2\'ee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3\qj \li0\ri0\widctlpar\wrapdefault\nooverflow\faroman\rin0\lin0\itap0\pararsid8466180\contextualspace \rtlch\fcs1 \af0\afs20\alang1025 \ltrch\fcs0 \fs20\lang1049\langfe1049\cgrid</w:t>
      </w:r>
      <w:r w:rsidRPr="005A1F79">
        <w:rPr>
          <w:rFonts w:ascii="Courier New" w:hAnsi="Courier New" w:cs="Courier New"/>
        </w:rPr>
        <w:t xml:space="preserve">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8466180\charrsid13642871 \'cf\'ee\'f1\'eb\'e5\'e4\'ed\'e8\'e9 \'ef\'eb\'e0\'f2\'e5\'e6 \'f3\'ef\'eb\'e0\'f7\'e8\'e2\'e0\'e5\'f2\'f1\'ff \'e2 \'e4\'e0\'f2\'f3 \'ee\'ea\'ee\'ed\'f7\'</w:t>
      </w:r>
      <w:r w:rsidRPr="005A1F79">
        <w:rPr>
          <w:rFonts w:ascii="Courier New" w:hAnsi="Courier New" w:cs="Courier New"/>
        </w:rPr>
        <w:t>e0\'ed\'e8\'ff \'ee\'e1\'f9\'e5\'e3\'ee \'f1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a\'e0 \'ef\'f0\'e5\'e4\'ee\'f1\'f2\'e0\'e2\'eb\'e5\'ed\'e8\'ff \'ca\'f0\'e5\'e4\'e8\'f2\'ee\'e2}{\rtlch\fcs1 \ab\af0\afs22 \ltrch\fcs0 \fs22\expnd4\expndtw20\insrsid8466180\charrsid13642871 ;}{\rtlch</w:t>
      </w:r>
      <w:r w:rsidRPr="005A1F79">
        <w:rPr>
          <w:rFonts w:ascii="Courier New" w:hAnsi="Courier New" w:cs="Courier New"/>
        </w:rPr>
        <w:t xml:space="preserve">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b\fs22\expnd4\expndtw20\insrsid846618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s33 \rtlch\fcs1 \ab\af0\afs22 \ltrch\fcs0 \f3\fs22\expnd4\expndtw20\insrsid8466180\charrsid13642871 \loch\af3\dbch\af0\hich\f3 \</w:t>
      </w:r>
      <w:r w:rsidRPr="005A1F79">
        <w:rPr>
          <w:rFonts w:ascii="Courier New" w:hAnsi="Courier New" w:cs="Courier New"/>
        </w:rPr>
        <w:t>'b7\tab}}\pard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s33\qj \fi-283\li709\ri0\widctlpar\wrapdefault\nooverflow\faroman\ls29\rin0\lin709\itap0\pararsid8466180\contextualspace {\rtlch\fcs1 \ab\af0\afs22 \ltrch\fcs0 \b\fs22\expnd4\expndtw20\insrsid8466180\charrsid13642871 \'c7\'e0 \'e2\</w:t>
      </w:r>
      <w:r w:rsidRPr="005A1F79">
        <w:rPr>
          <w:rFonts w:ascii="Courier New" w:hAnsi="Courier New" w:cs="Courier New"/>
        </w:rPr>
        <w:t xml:space="preserve">'fb\'e4\'e0\'f7\'f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f0\'e5\'e4\'e8\'f2\'ed\'ee\'e9 \'eb\'e8\'ed\'e8\'e8: }{\rtlch\fcs1 \af0\afs22 \ltrch\fcs0 \fs22\insrsid8466180\charrsid13642871 30 000 \'f0\'f3\'e1. (\'e2\'e7\'e8\'ec\'e0\'e5\'f2\'f1\'ff \'e2 \'ee\'e1\'ff\'e7\'e0\'f2\'e5\'eb\'fc</w:t>
      </w:r>
      <w:r w:rsidRPr="005A1F79">
        <w:rPr>
          <w:rFonts w:ascii="Courier New" w:hAnsi="Courier New" w:cs="Courier New"/>
        </w:rPr>
        <w:t>\'ed\'ee\'ec \'e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ff\'e4\'ea\'e5, \'e5\'f1\'eb\'e8 \'f4\'e8\'ed\'e0\'ed\'f1\'ee\'e2\'ee\'e5 \'f1\'ee\'f1\'f2\'ee\'ff\'ed\'e8\'e5 \'c7\'e0\'e5\'ec\'f9\'e8\'ea\'e0 \'ed\'e5 \'ec\'ee\'e6\'e5\'f2 \'e1\'fb\'f2\'fc \'ee\'f6\'e5\'ed\'e5\'ed\'ee \'ea\'e</w:t>
      </w:r>
      <w:r w:rsidRPr="005A1F79">
        <w:rPr>
          <w:rFonts w:ascii="Courier New" w:hAnsi="Courier New" w:cs="Courier New"/>
        </w:rPr>
        <w:t>0\'ea \'ab\'f5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f8\'e5\'e5\'bb \'e4\'eb\'ff \'f6\'e5\'eb\'e5\'e9 \'f4\'ee\'f0\'ec\'e8\'f0\'ee\'e2\'e0\'ed\'e8\'ff \'f0\'e5\'e7\'e5\'f0\'e2\'ee\'e2 \'ed\'e0 \'ec\'ee\'ec\'e5\'ed\'f2 \'e7\'e0\'ea\'eb\'fe\'f7\'e5\'ed\'e8\'ff \'f1\'e4\'e5\'eb\'ea</w:t>
      </w:r>
      <w:r w:rsidRPr="005A1F79">
        <w:rPr>
          <w:rFonts w:ascii="Courier New" w:hAnsi="Courier New" w:cs="Courier New"/>
        </w:rPr>
        <w:t>\'e8). \'d3\'ef\'eb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7\'e8\'e2\'e0\'e5\'f2\'f1\'ff \'e4\'ee \'ef\'e5\'f0\'e2\'ee\'e3\'ee \'e8\'f1\'ef\'ee\'eb\'fc\'e7\'ee\'e2\'e0\'ed\'e8\'ff \'f1\'f0\'e5\'e4\'f1\'f2\'e2 \'ef\'ee \'ea\'f0\'e5\'e4\'e8\'f2\'ed\'ee\'e9 \'f1\'e4\'e5\'eb\'ea\'e5.}{\rtlc</w:t>
      </w:r>
      <w:r w:rsidRPr="005A1F79">
        <w:rPr>
          <w:rFonts w:ascii="Courier New" w:hAnsi="Courier New" w:cs="Courier New"/>
        </w:rPr>
        <w:t xml:space="preserve">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\b\fs22\expnd4\expndtw20\insrsid8466180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30\qj \fi567\li0\ri0\widctlpar\wrapdefault\aspalpha\aspnum\faauto\adjustright\rin0\lin0\itap0\pararsid8466180 \rtlch\fcs1 \af0\afs20\al</w:t>
      </w:r>
      <w:r w:rsidRPr="005A1F79">
        <w:rPr>
          <w:rFonts w:ascii="Courier New" w:hAnsi="Courier New" w:cs="Courier New"/>
        </w:rPr>
        <w:t xml:space="preserve">ang1025 \ltrch\fcs0 \fs22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b\af0\afs22 \ltrch\fcs0 \b\expnd4\expndtw20\insrsid8466180\charrsid13642871 \'d8\'f2\'f0\'e0\'f4 \'e2 \'f0\'e0\'e7\'ec\'e5\'f0\'e5\~0.01% \'ee\'f2 \'f1\'f3\'ec\'ec</w:t>
      </w:r>
      <w:r w:rsidRPr="005A1F79">
        <w:rPr>
          <w:rFonts w:ascii="Courier New" w:hAnsi="Courier New" w:cs="Courier New"/>
        </w:rPr>
        <w:t>\'fb \'ee\'f1\'f2\'e0\'f2\'ea\'e0 \'ee\'f1\'ed\'ee\'e2\'ed\'ee\'e3\'ee \'e4\'ee\'eb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ef\'ee \'ea\'f0\'e5\'e4\'e8\'f2\'ed\'ee\'ec\'f3 \'f1\'ee\'e3\'eb\'e0\'f8\'e5\'ed\'e8\'fe, \'f1\'eb\'ee\'e6\'e8\'e2\'f8\'e5\'e3\'ee\'f1\'ff \'ed\'e0 \'ec\'ee\'ec</w:t>
      </w:r>
      <w:r w:rsidRPr="005A1F79">
        <w:rPr>
          <w:rFonts w:ascii="Courier New" w:hAnsi="Courier New" w:cs="Courier New"/>
        </w:rPr>
        <w:t xml:space="preserve">\'e5\'ed\'f2 \'e2\'fb\'ff\'e2\'eb\'e5\'ed\'e8\'ff \'ed\'e0\'f0\'f3\'f8\'e5\'ed\'e8\'ff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 \'f1\'eb\'f3\'f7\'e0\'e5 \'ed\'e5\'e8\'f1\'ef\'ee\'eb\'ed\'e5\'ed\'e8\'ff\\\'ed\'e5\'ed\'e0\'e4\'eb\'e5\'e6\'e0\'f9\'e5\'e3\'ee \'e8\'f1\'ef\'ee\'eb\'ed\'e5\'ed\</w:t>
      </w:r>
      <w:r w:rsidRPr="005A1F79">
        <w:rPr>
          <w:rFonts w:ascii="Courier New" w:hAnsi="Courier New" w:cs="Courier New"/>
        </w:rPr>
        <w:t xml:space="preserve">'e8\'ff \'e7\'e0\'e5\'ec\'f9\'e8\'ea\'ee\'ec \'f4\'e8\'ed\'e0\'ed\'f1\'ee\'e2\'fb\'f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a\'ee\'e2\'e5\'ed\'e0\'ed\'f2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3\fs22\insrsid8466180\charrsid13642871 \loch\af3\dbch\af0\hic</w:t>
      </w:r>
      <w:r w:rsidRPr="005A1F79">
        <w:rPr>
          <w:rFonts w:ascii="Courier New" w:hAnsi="Courier New" w:cs="Courier New"/>
        </w:rPr>
        <w:t>h\f3 \'b7\tab}}\pard\plain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j \fi-360\li720\ri0\nowidctlpar\wrapdefault\aspalpha\aspnum\faauto\ls17\adjustright\rin0\lin720\itap0\pararsid8466180 \rtlch\fcs1 \af0\afs20\alang1025 \ltrch\fcs0 \fs20\lang1049\langfe1049\cgrid\langnp1049\langfenp1049</w:t>
      </w:r>
      <w:r w:rsidRPr="005A1F79">
        <w:rPr>
          <w:rFonts w:ascii="Courier New" w:hAnsi="Courier New" w:cs="Courier New"/>
        </w:rPr>
        <w:t xml:space="preserve">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8466180\charrsid13642871 \'ed\'e5\'f3\'f1\'f2\'ee\'e9\'ea\'e0 \'e2 \'f0\'e0\'e7\'ec\'e5\'f0\'e5 1/365 \'ec\'e0\'ea\'f1\'e8\'ec\'e0\'eb\'fc\'ed\'ee\'e9 \'ef\'f0\'ee\'f6\'e5\'ed\'f2\'ed\'ee\'e9 \'f1\'f2\'e0</w:t>
      </w:r>
      <w:r w:rsidRPr="005A1F79">
        <w:rPr>
          <w:rFonts w:ascii="Courier New" w:hAnsi="Courier New" w:cs="Courier New"/>
        </w:rPr>
        <w:t>\'e2\'ea\'e8 \'ee\'f2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ec\'ec\'fb \'ef\'f0\'ee\'f1\'f0\'ee\'f7\'e5\'ed\'ed\'ee\'e9 \'e7\'e0\'e4\'ee\'eb\'e6\'e5\'ed\'ed\'ee\'f1\'f2\'e8 \'ef\'ee \'ce\'f1\'ed\'ee\'e2\'ed\'ee\'ec\'f3 \'e4\'ee\'eb\'e3\'f3 \'e7\'e0 \'ea\'e0\'e6\'e4\'fb\'e9 \'e4\'e5</w:t>
      </w:r>
      <w:r w:rsidRPr="005A1F79">
        <w:rPr>
          <w:rFonts w:ascii="Courier New" w:hAnsi="Courier New" w:cs="Courier New"/>
        </w:rPr>
        <w:t>\'ed\'fc \'ef\'f0\'ee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e\'f7\'ea\'e8, \'ed\'e0\'f7\'e8\'f1\'eb\'ff\'e5\'ec\'e0\'ff \'e2 \'f1\'eb\'f3\'f7\'e0\'e5 \'e2\'ee\'e7\'ed\'e8\'ea\'ed\'ee\'e2\'e5\'ed\'e8\'ff \'ef\'f0\'ee\'f1\'f0\'ee\'f7\'e5\'ed\'ed\'ee\'e9 \'e7\'e0\'e4\'ee\'eb\'e6\'e5\'</w:t>
      </w:r>
      <w:r w:rsidRPr="005A1F79">
        <w:rPr>
          <w:rFonts w:ascii="Courier New" w:hAnsi="Courier New" w:cs="Courier New"/>
        </w:rPr>
        <w:t xml:space="preserve">ed\'ed\'ee\'f1\'f2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f\'ee \'ce\'f1\'ed\'ee\'e2\'ed\'ee\'ec\'f3 \'e4\'ee\'eb\'e3\'f3;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3\fs22\insrsid8466180\charrsid13642871 \loch\af3\dbch\af0\hich\f3 \'b7\tab}}\pard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j \fi-360\li720\ri0\widctlpar\wrapdefault\aspalpha\aspnum\faauto\ls17\adjustright\rin0\lin720\itap0\pararsid8466180 {\rtlch\fcs1 \af0\afs22 \ltrch\fcs0 \fs22\insrsid8466180\charrsid13642871 \'ed\'e5\'f3\'f1\'f2\'ee\'e9\'ea\'e0 \'e2 2/365 \'ec\'e0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</w:t>
      </w:r>
      <w:r w:rsidRPr="005A1F79">
        <w:rPr>
          <w:rFonts w:ascii="Courier New" w:hAnsi="Courier New" w:cs="Courier New"/>
        </w:rPr>
        <w:t>'f1\'e8\'ec\'e0\'eb\'fc\'ed\'ee\'e9 \'ef\'f0\'ee\'f6\'e5\'ed\'f2\'ed\'ee\'e9 \'f1\'f2\'e0\'e2\'ea\'e8 \'ee\'f2 \'f1\'f3\'ec\'ec\'fb \'ef\'f0\'ee\'f1\'f0\'ee\'f7\'e5\'ed\'ed\'ee\'e9 \'e7\'e0\'e4\'ee\'eb\'e6\'e5\'ed\'ed\'ee\'f1\'f2\'e8 \'ef\'ee \'ef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</w:t>
      </w:r>
      <w:r w:rsidRPr="005A1F79">
        <w:rPr>
          <w:rFonts w:ascii="Courier New" w:hAnsi="Courier New" w:cs="Courier New"/>
        </w:rPr>
        <w:t>e\'f6\'e5\'ed\'f2\'e0\'ec/\'ea\'ee\'ec\'e8\'f1\'f1\'e8\'ff\'ec \'e7\'e0 \'ea\'e0\'e6\'e4\'fb\'e9 \'e4\'e5\'ed\'fc \'ef\'f0\'ee\'f1\'f0\'ee\'f7\'ea\'e8, \'ed\'e0\'f7\'e8\'f1\'eb\'ff\'e5\'ec\'e0\'ff \'e2 \'f1\'eb\'f3\'f7\'e0\'e5 \'e2\'ee\'e7\'ed\'e8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</w:t>
      </w:r>
      <w:r w:rsidRPr="005A1F79">
        <w:rPr>
          <w:rFonts w:ascii="Courier New" w:hAnsi="Courier New" w:cs="Courier New"/>
        </w:rPr>
        <w:t>d\'ee\'e2\'e5\'ed\'e8\'ff \'ef\'f0\'ee\'f1\'f0\'ee\'f7\'e5\'ed\'ed\'ee\'e9 \'e7\'e0\'e4\'ee\'eb\'e6\'e5\'ed\'ed\'ee\'f1\'f2\'e8 \'ef\'ee \'ef\'f0\'ee\'f6\'e5\'ed\'f2\'e0\'ec/\'ea\'ee\'ec\'e8\'f1\'f1\'e8\'e8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</w:t>
      </w:r>
      <w:r w:rsidRPr="005A1F79">
        <w:rPr>
          <w:rFonts w:ascii="Courier New" w:hAnsi="Courier New" w:cs="Courier New"/>
        </w:rPr>
        <w:t>af0\afs22 \ltrch\fcs0 \f3\fs22\insrsid8466180\charrsid13642871 \loch\af3\dbch\af0\hich\f3 \'b7\tab}\'ed\'e5\'f3\'f1\'f2\'ee\'e9\'ea\'e0 \'e2 \'f0\'e0\'e7\'ec\'e5\'f0\'e5 1/365 \'ec\'e0\'ea\'f1\'e8\'ec\'e0\'e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e9 \'ef\'f0\'ee\'f6\'e5\'ed\'f2\</w:t>
      </w:r>
      <w:r w:rsidRPr="005A1F79">
        <w:rPr>
          <w:rFonts w:ascii="Courier New" w:hAnsi="Courier New" w:cs="Courier New"/>
        </w:rPr>
        <w:t>'ed\'ee\'e9 \'f1\'f2\'e0\'e2\'ea\'e8 \'ee\'f2 \'f1\'f3\'ec\'ec\'fb \'ed\'e5\'e8\'f1\'ef\'ee\'eb\'ed\'e5\'ed\'ed\'ee\'e3\'ee \'e8\'eb\'e8 \'ed\'e5\'ed\'e0\'e4\'eb\'e5\'e6\'e0\'f9\'e8\'ec \'ee\'e1\'f0\'e0\'e7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 \'e8\'f1\'ef\'ee\'eb\'ed\'e5\'ed\'ed\'e</w:t>
      </w:r>
      <w:r w:rsidRPr="005A1F79">
        <w:rPr>
          <w:rFonts w:ascii="Courier New" w:hAnsi="Courier New" w:cs="Courier New"/>
        </w:rPr>
        <w:t xml:space="preserve">e\'e3\'ee \'ee\'e1\'ff\'e7\'e0\'f2\'e5\'eb\'fc\'f1\'f2\'e2\'e0 \'e7\'e0 \'ea\'e0\'e6\'e4\'fb\'e9 \'e4\'e5\'ed\'fc \'ef\'f0\'ee\'f1\'f0\'ee\'f7\'ea\'e8,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expnd4\expndtw20\insrsid8466180\charrsid13642871  \'e2 \'</w:t>
      </w:r>
      <w:r w:rsidRPr="005A1F79">
        <w:rPr>
          <w:rFonts w:ascii="Courier New" w:hAnsi="Courier New" w:cs="Courier New"/>
        </w:rPr>
        <w:t>f1\'eb\'f3\'f7\'e0\'e5 \'ed\'e5\'e8\'f1\'ef\'ee\'eb\'ed\'e5\'ed\'e8\'ff \'e8\'eb\'e8 \'ed\'e5\'ed\'e0\'e4\'eb\'e5\'e6\'e0\'f9\'e5\'e3\'ee \'e8\'f1\'ef\'ee\'eb\'ed\'e5\'ed\'e8\'ff \'cf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f7\'e8\'f2\'e5\'eb\'e5\'ec \'e4\'e5\'ed\'e5\'e6\'ed\'fb\'</w:t>
      </w:r>
      <w:r w:rsidRPr="005A1F79">
        <w:rPr>
          <w:rFonts w:ascii="Courier New" w:hAnsi="Courier New" w:cs="Courier New"/>
        </w:rPr>
        <w:t>f5 \'ee\'e1\'ff\'e7\'e0\'f2\'e5\'eb\'fc\'f1\'f2\'e2 \'ef\'ee \'c4\'ee\'e3\'ee\'e2\'ee\'f0\'f3 \'ef\'ee\'f0\'f3\'f7\'e8\'f2\'e5\'eb\'fc\'f1\'f2\'e2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</w:t>
      </w:r>
      <w:r w:rsidRPr="005A1F79">
        <w:rPr>
          <w:rFonts w:ascii="Courier New" w:hAnsi="Courier New" w:cs="Courier New"/>
        </w:rPr>
        <w:t>\pararsid8466180 {\rtlch\fcs1 \ab\af0\afs22 \ltrch\fcs0 \fs22\expnd4\expndtw20\insrsid8466180\charrsid13642871 \'c8\'ed\'fb\'e5 \'ea\'ee\'ec\'e8\'f1\'f1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, \'ed\'e0\'e4\'e1\'e0\'e2\'ea\'e8 \'ea \'ef\'f0\'ee\'f6\'e5\'ed\'f2\'ed\'ee\'e9 \'f1\'f2\'e0\</w:t>
      </w:r>
      <w:r w:rsidRPr="005A1F79">
        <w:rPr>
          <w:rFonts w:ascii="Courier New" w:hAnsi="Courier New" w:cs="Courier New"/>
        </w:rPr>
        <w:t>'e2\'ea\'e5 \'e8 \'f1\'e0\'ed\'ea\'f6\'e8\'e8 (\'ed\'e5\'f3\'f1\'f2\'ee\'e9\'ea\'e8, \'f8\'f2\'f0\'e0\'f4\'fb, \'ef\'e5\'ed\'e8 \'e8 \'f2.\'e4.), \'ef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4\'f3\'f1\'ec\'ee\'f2\'f0\'e5\'ed\'ed\'fb\'e5 \'ea\'f0\'e5\'e4\'e8\'f2\'ed\'fb\'ec \'f1\'ee\'</w:t>
      </w:r>
      <w:r w:rsidRPr="005A1F79">
        <w:rPr>
          <w:rFonts w:ascii="Courier New" w:hAnsi="Courier New" w:cs="Courier New"/>
        </w:rPr>
        <w:t>e3\'eb\'e0\'f8\'e5\'ed\'e8\'e5\'ec \'e8 \'e4\'ee\'e3\'ee\'e2\'ee\'f0\'ee\'ec \'ef\'ee\'f0\'f3\'f7\'e8\'f2\'e5\'eb\'fc\'f1\'f2\'e2\'e0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991179</w:t>
      </w:r>
      <w:r w:rsidRPr="005A1F79">
        <w:rPr>
          <w:rFonts w:ascii="Courier New" w:hAnsi="Courier New" w:cs="Courier New"/>
        </w:rPr>
        <w:t xml:space="preserve"> {\rtlch\fcs1 \af0\afs22 \ltrch\fcs0 \fs22\insrsid946382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1997935\contextualspace {\rtlch\fcs1 \ab\af0\afs22 \ltrch\fcs0 \b\fs22\insrsid1991</w:t>
      </w:r>
      <w:r w:rsidRPr="005A1F79">
        <w:rPr>
          <w:rFonts w:ascii="Courier New" w:hAnsi="Courier New" w:cs="Courier New"/>
        </w:rPr>
        <w:t xml:space="preserve">179\charrsid538368 \'c2\'ee\'ef\'f0\'ee\'f1 \'b9 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b\af0\afs22 \ltrch\fcs0 \b\fs22\insrsid1991179 8}{\rtlch\fcs1 \ab\af0\afs22 \ltrch\fcs0 \b\fs22\insrsid1991179\charrsid538368  \'ef\'ee\'e2\'e5\'f1\'f2\'ea\'e8 \'e4\'ed\'ff \'ee\'e1\'f9\'e5</w:t>
      </w:r>
      <w:r w:rsidRPr="005A1F79">
        <w:rPr>
          <w:rFonts w:ascii="Courier New" w:hAnsi="Courier New" w:cs="Courier New"/>
        </w:rPr>
        <w:t xml:space="preserve">\'e3\'ee \'f1\'ee\'e1\'f0\'e0\'ed\'e8\'ff: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1991179\charrsid1991179  }{\rtlch\fcs1 \af0\afs22 \ltrch\fcs0 \fs22\insrsid11997935\charrsid7568469 \'ce\'e1 \'ee\'e4\'ee\'e1\'f0\'e5\'ed\'e8\'e8 \'f1\'e4\'e5\'eb</w:t>
      </w:r>
      <w:r w:rsidRPr="005A1F79">
        <w:rPr>
          <w:rFonts w:ascii="Courier New" w:hAnsi="Courier New" w:cs="Courier New"/>
        </w:rPr>
        <w:t xml:space="preserve">\'ea\'e8, \'f1\'ee\'e2\'e5\'f0\'f8\'e0\'e5\'ec\'ee\'e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 \'e7\'e0\'e8\'ed\'f2\'e5\'f0\'e5\'f1\'ee\'e2\'e0\'ed\'ed\'ee\'f1\'f2\'fc\'fe \endash  \'e4\'ee\'e3\'ee\'e2\'ee\'f0\'e0 \'e7\'e0\'eb\'ee\'e3\'e0 \'f1\'e0\'ec\'ee\'f5\'ee\'e4\'ed\'ee\'e9 \'f2\'e5\</w:t>
      </w:r>
      <w:r w:rsidRPr="005A1F79">
        <w:rPr>
          <w:rFonts w:ascii="Courier New" w:hAnsi="Courier New" w:cs="Courier New"/>
        </w:rPr>
        <w:t>'f5\'ed\'e8\'ea\'e8 \'b9\'c4\'ee\'c73-\'d6\'d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-702750/2021/00032 \'ee\'f2 06.08.2021 \'e3. \'ec\'e5\'e6\'e4\'f3 \'c0\'ce \'ab\'d2\'e5\'f0\'ec\'e8\'ed\'e0\'eb \'c0\'f1\'f2\'e0\'f4\'fc\'e5\'e2\'e0\'bb (\'c8\'cd\'cd 2508001618) \'e8 \'c1\'e0\'ed\'ea\'ee\'ec</w:t>
      </w:r>
      <w:r w:rsidRPr="005A1F79">
        <w:rPr>
          <w:rFonts w:ascii="Courier New" w:hAnsi="Courier New" w:cs="Courier New"/>
        </w:rPr>
        <w:t xml:space="preserve"> \'c2\'d2\'c1 (\'ef\'f3\'e1\'eb\'e8\'f7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0\'ea\'f6\'e8\'ee\'ed\'e5\'f0\'ed\'ee\'e5 \'ee\'e1\'f9\'e5\'f1\'f2\'e2\'ee) \'ef\'ee \'ea\'f0\'e5\'e4\'e8\'f2\'ed\'fb\'ec \'ee\'e1\'ff\'e7\'e0\'f2\'e5\'eb\'fc\'f1\'f2\'e2\'e0\'ec \'ce\'ce\'ce \'ab\'c</w:t>
      </w:r>
      <w:r w:rsidRPr="005A1F79">
        <w:rPr>
          <w:rFonts w:ascii="Courier New" w:hAnsi="Courier New" w:cs="Courier New"/>
        </w:rPr>
        <w:t>4\'e0\'eb\'fc\'d0\'fb\'e1\'cf\'ee\'f0\'f2\'bb (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8\'cd\'cd 2537047582), \'e2\'ee\'e7\'ed\'e8\'ea\'e0\'fe\'f9\'e8\'ec \'e8\'e7 \'ea\'f0\'e5\'e4\'e8\'f2\'ed\'ee\'e3\'ee \'f1\'ee\'e3\'eb\'e0\'f8\'e5\'ed\'e8\'ff \'b9 \'ca\'d1-\'d6\'d3-702750/2021/00032 \'ee</w:t>
      </w:r>
      <w:r w:rsidRPr="005A1F79">
        <w:rPr>
          <w:rFonts w:ascii="Courier New" w:hAnsi="Courier New" w:cs="Courier New"/>
        </w:rPr>
        <w:t>\'f2 03.06.2021 \'e3. \'ec\'e5\'e6\'e4\'f3 \'c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e\'ce \'ab\'c4\'e0\'eb\'fc\'d0\'fb\'e1\'cf\'ee\'f0\'f2\'bb (\'c8\'cd\'cd 2537047582) \'e8 \'c1\'e0\'ed\'ea\'ee\'ec \'c2\'d2\'c1 (\'cf\'c0\'ce) \endash  \'ea\'f0\'e5\'e4\'e8\'f2\'ed\'ee\'e9 \'eb\'e8\'ed\'e</w:t>
      </w:r>
      <w:r w:rsidRPr="005A1F79">
        <w:rPr>
          <w:rFonts w:ascii="Courier New" w:hAnsi="Courier New" w:cs="Courier New"/>
        </w:rPr>
        <w:t>8\'e8 \'f1 \'eb\'e8\'ec\'e8\'f2\'ee\'ec \'e2\'f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0\'f7\'e8 \'e2 \'f1\'f3\'ec\'ec\'e5 108 529 411.76 \'f0\'f3\'e1\'eb\'e5\'e9 \'f1\'f0\'ee\'ea\'ee\'ec \'e4\'ee 10.07.2023\'e3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</w:t>
      </w:r>
      <w:r w:rsidRPr="005A1F79">
        <w:rPr>
          <w:rFonts w:ascii="Courier New" w:hAnsi="Courier New" w:cs="Courier New"/>
        </w:rPr>
        <w:t>pnum\faauto\adjustright\rin0\lin0\itap0\pararsid8323676 {\rtlch\fcs1 \ab\af0\afs22 \ltrch\fcs0 \b\fs22\insrsid472349\charrsid538368 \'d0\'e5\'e7\'f3\'eb\'fc\'f2\'e0\'f2\'fb \'e3\'ee\'eb\'ee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e\'e2\'e0\'ed\'e8\'ff}{\rtlch\fcs1 \af0\afs22 \ltrch\fcs0 </w:t>
      </w:r>
      <w:r w:rsidRPr="005A1F79">
        <w:rPr>
          <w:rFonts w:ascii="Courier New" w:hAnsi="Courier New" w:cs="Courier New"/>
        </w:rPr>
        <w:t>\b\fs22\insrsid472349\charrsid538368  }{\rtlch\fcs1 \af0\afs22 \ltrch\fcs0 \b\fs22\insrsid8323676\charrsid538368 \'ef\'ee }{\rtlch\fcs1 \af0\afs22 \ltrch\fcs0 \b\fs22\insrsid8323676 \'e2\'ee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c\'ec\'ee\'ec\'f3}{\rtlch\fcs1 \af0\afs22 \ltrch\fcs0 \b\</w:t>
      </w:r>
      <w:r w:rsidRPr="005A1F79">
        <w:rPr>
          <w:rFonts w:ascii="Courier New" w:hAnsi="Courier New" w:cs="Courier New"/>
        </w:rPr>
        <w:t>fs22\insrsid8323676\charrsid538368  \'e2\'ee\'ef\'f0\'ee\'f1\'f3 \'ef\'ee\'e2\'e5\'f1\'f2\'ea\'e8 \'e4\'ed\'ff:}{\rtlch\fcs1 \af0\afs22 \ltrch\fcs0 \b\fs22\cf6\insrsid8323676\charrsid538368  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b\fs22\cf6\insrsid8323676</w:t>
      </w:r>
      <w:r w:rsidRPr="005A1F79">
        <w:rPr>
          <w:rFonts w:ascii="Courier New" w:hAnsi="Courier New" w:cs="Courier New"/>
        </w:rPr>
        <w:t xml:space="preserve">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sb120\widctlpar\tx4536\wrapdefault\aspalpha\aspnum\faauto\adjustright\rin0\lin0\itap0\pararsid11997935 {\rtlch\fcs1 \af0\afs22 \ltrch\fcs0 \fs22\insrsid11997935\charrsid2451716 \'d7\'e8\'f1\'eb\'ee \'e3\'ee\'eb\'ee\'f1\'e</w:t>
      </w:r>
      <w:r w:rsidRPr="005A1F79">
        <w:rPr>
          <w:rFonts w:ascii="Courier New" w:hAnsi="Courier New" w:cs="Courier New"/>
        </w:rPr>
        <w:t xml:space="preserve">e\'e2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a\'ee\'f2\'ee\'f0\'fb\'ec\'e8 \'ee\'e1\'eb\'e0\'e4\'e0\'eb\'e8 \'eb\'e8\'f6\'e0, \'e2\'ea\'eb\'fe\'f7\'e5\'ed\'ed\'fb\'e5 \'e2 \'f1\'ef\'e8\'f1\'ee\'ea \'eb\'e8\'f6, \'e8\'ec\'e5\'e2\'f8\'e8\'f5 \'ef\'f0\'e0\'e2\'ee \'ed\'e0 \'f3\'f7\'e0\'f1\'f</w:t>
      </w:r>
      <w:r w:rsidRPr="005A1F79">
        <w:rPr>
          <w:rFonts w:ascii="Courier New" w:hAnsi="Courier New" w:cs="Courier New"/>
        </w:rPr>
        <w:t>2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2  \'ee\'e1\'f9\'e5\'ec \'f1\'ee\'e1\'f0\'e0\'ed\'e8\'e8 \'e0\'ea\'f6\'e8\'ee\'ed\'e5\'f0\'ee\'e2, \'ef\'ee \'e4\'e0\'ed\'ed\'ee\'ec\'f3 \'e2\'ee\'ef\'f0\'ee\'f1\'f3 \'ef\'ee\'e2\'e5\'f1\'f2\'ea\'e8 \'e4\'ed\'ff \'ee\'e1\'f9\'e5\'e3\'ee \'f1</w:t>
      </w:r>
      <w:r w:rsidRPr="005A1F79">
        <w:rPr>
          <w:rFonts w:ascii="Courier New" w:hAnsi="Courier New" w:cs="Courier New"/>
        </w:rPr>
        <w:t>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1\'f0\'e0\'ed\'e8\'ff, -  830 380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1\'ee\'e2, \'ef\'f0\'e8\'f5\'ee\'e4\'e8\'e2\'f8\'e8\'f5\'f1\'ff \'ed\'e0 \'e3\'ee\'eb\'ee\'f1\'f3\'fe\'f9\'e8\'e5 \'e0\'ea\'f6\'e8\'e8 \'ee\'e1\'f9\'e5\'f1\'f2\'e2\'</w:t>
      </w:r>
      <w:r w:rsidRPr="005A1F79">
        <w:rPr>
          <w:rFonts w:ascii="Courier New" w:hAnsi="Courier New" w:cs="Courier New"/>
        </w:rPr>
        <w:t>e0, \'ef\'ee \'e4\'e0\'ed\'ed\'ee\'ec\'f3 \'e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e\'f1\'f3 \'ef\'ee\'e2\'e5\'f1\'f2\'ea\'e8 \'e4\'ed\'ff \'ee\'e1\'f9\'e5\'e3\'ee \'f1\'ee\'e1\'f0\'e0\'ed\'e8\'ff, \'ee\'ef\'f0\'e5\'e4\'e5\'eb\'e5\'ed\'ed\'ee\'e5 \'f1 \'f3\'f7\'e5\'f2\'ee\'ec</w:t>
      </w:r>
      <w:r w:rsidRPr="005A1F79">
        <w:rPr>
          <w:rFonts w:ascii="Courier New" w:hAnsi="Courier New" w:cs="Courier New"/>
        </w:rPr>
        <w:t xml:space="preserve"> \'f2\'f0\'e5\'e1\'ee\'e2\'e0\'ed\'e8\'e9 \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. 4.24. \'cf\'ee\'eb\'ee\'e6\'e5\'ed\'e8\'e5 \'c1\'e0\'ed\'ea\'e0 \'d0\'ee\'f1\'f1\'e8\'e8 \'b9 660-\'cf \'ee\'f2 16.11.2018\'e3. \'ab\'ce\'e1 \'ee\'e1\'f9\'e8\'f5 \'f1\'ee\'e1\'f0\'e0\'ed\'e8\'ff\'f5 \'e0\'e</w:t>
      </w:r>
      <w:r w:rsidRPr="005A1F79">
        <w:rPr>
          <w:rFonts w:ascii="Courier New" w:hAnsi="Courier New" w:cs="Courier New"/>
        </w:rPr>
        <w:t xml:space="preserve">a\'f6\'e8\'ee\'ed\'e5\'f0\'ee\'e2\'bb, \endash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}{\rtlch\fcs1 \af0\afs22 \ltrch\fcs0 \fs22\insrsid11997935\charrsid5180846 377\~387.}{\rtlch\fcs1 \af0\afs22 \ltrch\fcs0 \fs22\insrsid11997935\charrsid245171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7\'e8\'f1\'eb\'ee \'e3\'ee\'eb\'ee\'f</w:t>
      </w:r>
      <w:r w:rsidRPr="005A1F79">
        <w:rPr>
          <w:rFonts w:ascii="Courier New" w:hAnsi="Courier New" w:cs="Courier New"/>
        </w:rPr>
        <w:t>1\'ee\'e2, \'ea\'ee\'f2\'ee\'f0\'fb\'ec\'e8 \'ee\'e1\'eb\'e0\'e4\'e0\'eb\'e8 \'eb\'e8\'f6\'e0, }{\rtlch\fcs1 \af0\afs22 \ltrch\fcs0 \fs22\insrsid11997935 \'ed\'e5 \'e7\'e0\'e8\'ed\'f2\'e5\'f0\'e5\'f1\'ee\'e2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fb\'e5 \'e2 \'f1\'ee\'e2\'e5\'f0\</w:t>
      </w:r>
      <w:r w:rsidRPr="005A1F79">
        <w:rPr>
          <w:rFonts w:ascii="Courier New" w:hAnsi="Courier New" w:cs="Courier New"/>
        </w:rPr>
        <w:t>'f8\'e5\'ed\'e8\'e8 \'ee\'e1\'f9\'e5\'f1\'f2\'e2\'ee\'ec \'f1\'e4\'e5\'eb\'ea\'e8,  }{\rtlch\fcs1 \af0\afs22 \ltrch\fcs0 \fs22\insrsid11997935\charrsid2451716 \'ef\'f0\'e8\'ed\'ff\'e2\'f8\'e8\'e5 \'f3\'f7\'e0\'f1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5  \'e2 \'ee\'e1\'f9\'e5\'ec  \</w:t>
      </w:r>
      <w:r w:rsidRPr="005A1F79">
        <w:rPr>
          <w:rFonts w:ascii="Courier New" w:hAnsi="Courier New" w:cs="Courier New"/>
        </w:rPr>
        <w:t xml:space="preserve">'f1\'ee\'e1\'f0\'e0\'ed\'e8\'e8, \'ef\'ee \'e4\'e0\'ed\'ed\'ee\'ec\'f3 \'e2\'ee\'ef\'f0\'ee\'f1\'f3 \'ef\'ee\'e2\'e5\'f1\'f2\'ea\'e8 \'e4\'ed\'ff \'f1\'ee\'e1\'f0\'e0\'ed\'e8\'ff,  - 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1997935 288 931}{\rt</w:t>
      </w:r>
      <w:r w:rsidRPr="005A1F79">
        <w:rPr>
          <w:rFonts w:ascii="Courier New" w:hAnsi="Courier New" w:cs="Courier New"/>
        </w:rPr>
        <w:t xml:space="preserve">lch\fcs1 \af0\afs22 \ltrch\fcs0 \fs22\insrsid11997935\charrsid2451716 .}{\rtlch\fcs1 \af0\afs22 \ltrch\fcs0 \fs22\insrsid11997935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tx4536\wrapdefault\aspalpha\aspnum\faauto\adjustright\rin0\lin0\itap0\pararsid1199</w:t>
      </w:r>
      <w:r w:rsidRPr="005A1F79">
        <w:rPr>
          <w:rFonts w:ascii="Courier New" w:hAnsi="Courier New" w:cs="Courier New"/>
        </w:rPr>
        <w:t>7935 {\rtlch\fcs1 \af0\afs22 \ltrch\fcs0 \fs22\insrsid11997935\charrsid2451716 \'ca\'e2\'ee\'f0\'f3\'ec \'ef\'ee \'e4\'e0\'ed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c\'f3 \'e2\'ee\'ef\'f0\'ee\'f1\'f3 \'ef\'ee\'e2\'e5\'f1\'f2\'ea\'e8 \'e4\'ed\'ff \'e8\'ec\'e5}{\rtlch\fcs1 \af0\afs22 </w:t>
      </w:r>
      <w:r w:rsidRPr="005A1F79">
        <w:rPr>
          <w:rFonts w:ascii="Courier New" w:hAnsi="Courier New" w:cs="Courier New"/>
        </w:rPr>
        <w:t>\ltrch\fcs0 \fs22\insrsid11997935 \'eb\'f1\'ff}{\rtlch\fcs1 \af0\afs22 \ltrch\fcs0 \fs22\insrsid11997935\charrsid2451716 .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rtlch\fcs1 \af0\afs22 \ltrch\fcs0 \fs22\insrsid11997935\charrsid12877353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4\qj \li0\ri0\widctlpar\tx</w:t>
      </w:r>
      <w:r w:rsidRPr="005A1F79">
        <w:rPr>
          <w:rFonts w:ascii="Courier New" w:hAnsi="Courier New" w:cs="Courier New"/>
        </w:rPr>
        <w:t xml:space="preserve">4536\wrapdefault\aspalpha\aspnum\faauto\adjustright\rin0\lin0\itap0\pararsid11997935 \rtlch\fcs1 \af0\afs20\alang1025 \ltrch\fcs0 \fs24\lang1049\langfe1049\cgrid\langnp1049\langfenp1049 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fcs0 \fs22\insrsid11997935\charrsid24</w:t>
      </w:r>
      <w:r w:rsidRPr="005A1F79">
        <w:rPr>
          <w:rFonts w:ascii="Courier New" w:hAnsi="Courier New" w:cs="Courier New"/>
        </w:rPr>
        <w:t>51716 \'d7\'e8\'f1\'eb\'ee \'e3\'ee\'eb\'ee\'f1\'ee\'e2, \'ee\'f2\'e4\'e0\'ed\'ed\'fb\'f5 \'e7\'e0 \'ea\'e0\'e6\'e4\'fb\'e9 \'e8\'e7 \'e2\'e0\'f0\'e8\'e0\'ed\'f2\'ee\'e2 \'e3\'ee\'eb\'ee\'f1\'ee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d\'e8\'ff \'ef\'ee \'e4\'e0\'ed\'ed\'ee\'ec\'f3 \</w:t>
      </w:r>
      <w:r w:rsidRPr="005A1F79">
        <w:rPr>
          <w:rFonts w:ascii="Courier New" w:hAnsi="Courier New" w:cs="Courier New"/>
        </w:rPr>
        <w:t>'e2\'ee\'ef\'f0\'ee\'f1\'f3 \'ef\'ee\'e2\'e5\'f1\'f2\'ea\'e8 \'e4\'ed\'ff \'f1\'ee\'e1\'f0\'e0\'ed\'e8\'ff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fi709\li0\ri0\widctlpar\wrapdefault\aspalpha\aspnum\faauto\adjustright\rin0\lin0\itap0\pararsid11997935 \rtlch\fcs1 \</w:t>
      </w:r>
      <w:r w:rsidRPr="005A1F79">
        <w:rPr>
          <w:rFonts w:ascii="Courier New" w:hAnsi="Courier New" w:cs="Courier New"/>
        </w:rPr>
        <w:t xml:space="preserve">af0\afs20\alang1025 \ltrch\fcs0 \fs20\lang1049\langfe1049\cgrid\langnp1049\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insrsid11997935\charrsid11997935 \'ab\'e7\'e0\'bb -  288 904;     \'ab\'ef\'f0\'ee\'f2\'e8\'e2\'bb -  0;     \'ab\'e2\'ee\'e</w:t>
      </w:r>
      <w:r w:rsidRPr="005A1F79">
        <w:rPr>
          <w:rFonts w:ascii="Courier New" w:hAnsi="Courier New" w:cs="Courier New"/>
        </w:rPr>
        <w:t>7\'e4\'e5\'f0\'e6\'e0\'eb\'f1\'ff\'bb - 0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\ltrpar\qj \li0\ri0\widctlpar\wrapdefault\aspalpha\aspnum\faauto\adjustright\rin0\lin0\itap0\pararsid8323676 {\rtlch\fcs1 \af0\afs22 \ltrch\fcs0 \b\fs22\cf6\insrsid1101138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</w:t>
      </w:r>
      <w:r w:rsidRPr="005A1F79">
        <w:rPr>
          <w:rFonts w:ascii="Courier New" w:hAnsi="Courier New" w:cs="Courier New"/>
        </w:rPr>
        <w:t xml:space="preserve">i0\ri0\widctlpar\wrapdefault\aspalpha\aspnum\faauto\adjustright\rin0\lin0\itap0\pararsid9463829 {\rtlch\fcs1 \af0\afs22 \ltrch\fcs0 \b\fs22\insrsid8323676\charrsid669575 \'d0\'e5\'f8\'e5\'ed\'e8\'e5 \'f1\'ee\'e1\'f0\'e0\'ed\'e8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e \'e2\'ee\'f1\</w:t>
      </w:r>
      <w:r w:rsidRPr="005A1F79">
        <w:rPr>
          <w:rFonts w:ascii="Courier New" w:hAnsi="Courier New" w:cs="Courier New"/>
        </w:rPr>
        <w:t>'fc\'ec\'ee\'ec\'f3 \'e2\'ee\'ef\'f0\'ee\'f1\'f3 \'ef\'ee\'e2\'e5\'f1\'f2\'ea\'e8 \'e4\'ed\'ff: }{\rtlch\fcs1 \af0\afs22 \ltrch\fcs0 \b\fs22\insrsid13465555\charrsid669575 {\*\bkmkstart _Hlk72511190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</w:t>
      </w:r>
      <w:r w:rsidRPr="005A1F79">
        <w:rPr>
          <w:rFonts w:ascii="Courier New" w:hAnsi="Courier New" w:cs="Courier New"/>
        </w:rPr>
        <w:t xml:space="preserve">spalpha\aspnum\faauto\adjustright\rin0\lin0\itap0\pararsid669575 {\rtlch\fcs1 \af0\afs22 \ltrch\fcs0 \fs22\insrsid669575 {\*\bkmkend _Hlk72511190}\'ce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insrsid669575\charrsid13642871 \'e4\'ee\'e1\'f0\'e8\'f2\'fc \</w:t>
      </w:r>
      <w:r w:rsidRPr="005A1F79">
        <w:rPr>
          <w:rFonts w:ascii="Courier New" w:hAnsi="Courier New" w:cs="Courier New"/>
        </w:rPr>
        <w:t xml:space="preserve">'f1\'e4\'e5\'eb\'ea\'f3, \'f1\'ee\'e2\'e5\'f0\'f8\'e0\'e5\'ec\'f3\'fe \'f1 \'e7\'e0\'e8\'ed\'f2\'e5\'f0\'e5\'f1\'ee\'e2\'e0\'ed\'ed\'ee\'f1\'f2\'fc\'fe }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trch\fcs0 \fs22\cf17\chshdng0\chcfpat0\chcbpat8\insrsid669575\charrsid13642</w:t>
      </w:r>
      <w:r w:rsidRPr="005A1F79">
        <w:rPr>
          <w:rFonts w:ascii="Courier New" w:hAnsi="Courier New" w:cs="Courier New"/>
        </w:rPr>
        <w:t>871 \'ca\'ee\'ed\'e4\'f0\'e0\'f2\'ee\'e2\'e0 \'d0.\'c2., \'ff\'e2\'eb\'ff\'fe\'f9\'e5\'e3\'ee\'f1\'ff \'e5\'e4\'e8\'ed\'ee\'eb\'e8\'f7\'ed\'fb\'ec \'e8\'f1\'ef\'ee\'eb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5\'eb\'fc\'ed\'fb\'ec \'ee\'f0\'e3\'e0\'ed\'ee\'ec, \'f7\'eb\'e5\'ed\'ee</w:t>
      </w:r>
      <w:r w:rsidRPr="005A1F79">
        <w:rPr>
          <w:rFonts w:ascii="Courier New" w:hAnsi="Courier New" w:cs="Courier New"/>
        </w:rPr>
        <w:t>\'ec \'f1\'ee\'e2\'e5\'f2\'e0 \'e4\'e8\'f0\'e5\'ea\'f2\'ee\'f0\'ee\'e2, \'ea\'ee\'ed\'f2\'f0\'ee\'eb\'e8\'f0\'f3\'fe\'f9\'e8\'ec \'eb\'e8\'f6\'ee\'ec \'cf\'ee\'f0\'f3\'f7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5\'eb\'ff (\'ca\'ee\'ed\'e4\'f0\'e0\'f2\'ee\'e2 \'d0.\'c2. \'ff\'e2\'eb\'</w:t>
      </w:r>
      <w:r w:rsidRPr="005A1F79">
        <w:rPr>
          <w:rFonts w:ascii="Courier New" w:hAnsi="Courier New" w:cs="Courier New"/>
        </w:rPr>
        <w:t xml:space="preserve">ff\'e5\'f2\'f1\'ff \'e0\'ea\'f6\'e8\'ee\'ed\'e5\'f0\'ee\'ec, \'ea\'ee\'f2\'ee\'f0\'ee\'ec\'f3 \'ef\'f0\'e8\'ed\'e0\'e4\'eb\'e5\'e6\'e8\'f2 28,0% \'e0\'ea\'f6\'e8\'e9, \'e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0\'ea\'e6\'e5 \'ea\'ee\'ed\'f2\'f0\'ee\'eb\'e8\'f0\'f3\'fe\'f9\'e8\'ec \'eb</w:t>
      </w:r>
      <w:r w:rsidRPr="005A1F79">
        <w:rPr>
          <w:rFonts w:ascii="Courier New" w:hAnsi="Courier New" w:cs="Courier New"/>
        </w:rPr>
        <w:t>\'e8\'f6\'ee\'ec \'e0\'ea\'f6\'e8\'ee\'ed\'e5\'f0\'e0 \'ce\'ce\'ce \'c0\'ea\'e2\'e0-\'d0\'e5\'f1\'f3\'f0\'f1\'fb, \'ea\'ee\'f2\'ee\'f0\'ee\'ec\'f3 \'ef\'f0\'e8\'ed\'e0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6\'e8\'f2 28,78% \'e0\'ea\'f6\'e8\'e9 \'c0\'ce \'ab\'d2\'e5\'f0\'ec\'e8\</w:t>
      </w:r>
      <w:r w:rsidRPr="005A1F79">
        <w:rPr>
          <w:rFonts w:ascii="Courier New" w:hAnsi="Courier New" w:cs="Courier New"/>
        </w:rPr>
        <w:t>'ed\'e0\'eb \'c0\'f1\'f2\'e0\'f4\'fc\'e5\'e2\'e0\'bb), \'e0 \'f2\'e0\'ea\'e6\'e5\~\~ \'ea\'ee\'ed\'f2\'f0\'ee\'eb\'e8\'f0\'f3\'fe\'f9\'e8\'ec \'eb\'e8\'f6\'ee\'ec \'c7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c\'f9\'e8\'ea\'e0,\~\'e2\'eb\'e0\'e4\'e5\'fe\'f9\'e8\'ec \'e4\'ee\'eb\'e5\'e</w:t>
      </w:r>
      <w:r w:rsidRPr="005A1F79">
        <w:rPr>
          <w:rFonts w:ascii="Courier New" w:hAnsi="Courier New" w:cs="Courier New"/>
        </w:rPr>
        <w:t>9 \'e2 \'f0\'e0\'e7\'ec\'e5\'f0\'e5 100% \'e2 \'f3\'f1\'f2\'e0\'e2\'ed\'ee\'ec \'ea\'e0\'ef\'e8\'f2\'e0\'eb\'e5 \'ce\'ce\'ce \'ab\'c0\'ed\'ea\'ee\'f0\'bb (\'c8\'cd\'c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2537133841), \'ea\'ee\'f2\'ee\'f0\'ee\'e5 \'ff\'e2\'eb\'ff\'e5\'f2\'f1\'ff \'f3\'f7\'e</w:t>
      </w:r>
      <w:r w:rsidRPr="005A1F79">
        <w:rPr>
          <w:rFonts w:ascii="Courier New" w:hAnsi="Courier New" w:cs="Courier New"/>
        </w:rPr>
        <w:t>0\'f1\'f2\'ed\'e8\'ea\'ee\'ec \'c7\'e0\'e5\'ec\'f9\'e8\'ea\'e0 \'f1 \'e4\'ee\'eb\'e5\'e9 \'e2 \'f0\'e0\'e7\'ec\'e5\'f0\'e5 99% - \'e2\'fb\'e3\'ee\'e4\'ee\'ef\'f0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1\'f0\'e5\'f2\'e0\'f2\'e5\'eb\'ff \'ef\'ee \'f1\'e4\'e5\'eb\'ea\'e5}{\rtlch\fcs1 \</w:t>
      </w:r>
      <w:r w:rsidRPr="005A1F79">
        <w:rPr>
          <w:rFonts w:ascii="Courier New" w:hAnsi="Courier New" w:cs="Courier New"/>
        </w:rPr>
        <w:t>af0\afs22 \ltrch\fcs0 \fs22\insrsid669575\charrsid13642871 , \'e0 \'e8\'ec\'e5\'ed\'ed\'ee \'e4\'ee\'e3\'ee\'e2\'ee\'f0 \'e7\'e0\'eb\'ee\'e3\'e0 \'f1\'e0\'ec\'ee\'f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4\'ed\'ee\'e9 \'f2\'e5\'f5\'ed\'e8\'ea\'e8 \'b9\'c4\'ee\'c73-\'d6\'d3-702750/2021/</w:t>
      </w:r>
      <w:r w:rsidRPr="005A1F79">
        <w:rPr>
          <w:rFonts w:ascii="Courier New" w:hAnsi="Courier New" w:cs="Courier New"/>
        </w:rPr>
        <w:t>00032 \'ee\'f2 06.08.2021 \'e3\'ee\'e4\'e0 \'ec\'e5\'e6\'e4\'f3 \'c0\'ce \'ab\'d2\'e5\'f0\'ec\'e8\'ed\'e0\'eb \'c0\'f1\'f2\'e0\'f4\'fc\'e5\'e2\'e0\'bb (\'c8\'cd\'c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2508001618) \'e8 \'c1\'e0\'ed\'ea\'ee\'ec \'c2\'d2\'c1 (\'ef\'f3\'e1\'eb\'e8\'f7\'ed\'ee\</w:t>
      </w:r>
      <w:r w:rsidRPr="005A1F79">
        <w:rPr>
          <w:rFonts w:ascii="Courier New" w:hAnsi="Courier New" w:cs="Courier New"/>
        </w:rPr>
        <w:t>'e5 \'e0\'ea\'f6\'e8\'ee\'ed\'e5\'f0\'ed\'ee\'e5 \'ee\'e1\'f9\'e5\'f1\'f2\'e2\'ee) \'ef\'ee \'ea\'f0\'e5\'e4\'e8\'f2\'ed\'fb\'ec \'ee\'e1\'ff\'e7\'e0\'f2\'e5\'e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f2\'e2\'e0\'ec \'ce\'ce\'ce \'ab\'c4\'e0\'eb\'fc\'d0\'fb\'e1\'cf\'ee\'f0\'f2\'bb (\</w:t>
      </w:r>
      <w:r w:rsidRPr="005A1F79">
        <w:rPr>
          <w:rFonts w:ascii="Courier New" w:hAnsi="Courier New" w:cs="Courier New"/>
        </w:rPr>
        <w:t xml:space="preserve">'c8\'cd\'cd 2537047582), \'e2\'ee\'e7\'ed\'e8\'ea\'e0\'fe\'f9\'e8\'ec \'e8\'e7 \'ea\'f0\'e5\'e4\'e8\'f2\'ed\'ee\'e3\'ee \'f1\'ee\'e3\'eb\'e0\'f8\'e5\'ed\'e8\'ff \'b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a\'d1-\'d6\'d3-702750/2021/00032 \'ee\'f2 03.06.2021 \'e3. \'ec\'e5\'e6\'e4\'f3 \'ce\</w:t>
      </w:r>
      <w:r w:rsidRPr="005A1F79">
        <w:rPr>
          <w:rFonts w:ascii="Courier New" w:hAnsi="Courier New" w:cs="Courier New"/>
        </w:rPr>
        <w:t>'ce\'ce \'ab\'c4\'e0\'eb\'fc\'d0\'fb\'e1\'cf\'ee\'f0\'f2\'bb (\'c8\'cd\'cd 2537047582) \'e8 \'c1\'e0\'ed\'ea\'ee\'ec \'c2\'d2\'c1 (\'cf\'c0\'ce) \endash  \'ea\'f0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8\'f2\'ed\'ee\'e9 \'eb\'e8\'ed\'e8\'e8 \'f1 \'eb\'e8\'ec\'e8\'f2\'ee\'ec \'e2\'fb</w:t>
      </w:r>
      <w:r w:rsidRPr="005A1F79">
        <w:rPr>
          <w:rFonts w:ascii="Courier New" w:hAnsi="Courier New" w:cs="Courier New"/>
        </w:rPr>
        <w:t>\'e4\'e0\'f7\'e8 \'e2 \'f1\'f3\'ec\'ec\'e5 108 529 411.76 \'f0\'f3\'e1\'eb\'e5\'e9 \'f1\'f0\'ee\'ea\'ee\'ec \'e4\'ee 10.07.2023\'e3. (\'e4\'e0\'eb\'e5\'e5 \'f2\'e0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6\'e5 \'d1\'ee\'e3\'eb\'e0\'f8\'e5\'ed\'e8\'e5/\'ca\'f0\'e5\'e4\'e8\'f2\'ed\'ee\'e5 </w:t>
      </w:r>
      <w:r w:rsidRPr="005A1F79">
        <w:rPr>
          <w:rFonts w:ascii="Courier New" w:hAnsi="Courier New" w:cs="Courier New"/>
        </w:rPr>
        <w:t>\'f1\'ee\'e3\'eb\'e0\'f8\'e5\'ed\'e8\'e5) \'ed\'e0 \'f1\'eb\'e5\'e4\'f3\'fe\'f9\'e8\'f5 \'f3\'f1\'eb\'ee\'e2\'e8\'ff\'f5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widctlpar\wrapdefault\aspalpha\aspnum\faauto\adjustright\rin0\lin0\itap0\pararsid669575 {\rtlch</w:t>
      </w:r>
      <w:r w:rsidRPr="005A1F79">
        <w:rPr>
          <w:rFonts w:ascii="Courier New" w:hAnsi="Courier New" w:cs="Courier New"/>
        </w:rPr>
        <w:t>\fcs1 \ab\af0\afs22 \ltrch\fcs0 \b\fs22\expnd4\expndtw20\insrsid669575\charrsid13642871 \'c2\'e8\'e4 \'f1\'e4\'e5\'eb\'ea\'e8: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rtlch\fcs1 \ab\af0\afs22 \ltrch\fcs0 \fs22\expnd4\expndtw20\insrsid669575\charrsid13642871  \'ca\'f0\'e5\'e4\'e8\'f2\'ed\'e0\</w:t>
      </w:r>
      <w:r w:rsidRPr="005A1F79">
        <w:rPr>
          <w:rFonts w:ascii="Courier New" w:hAnsi="Courier New" w:cs="Courier New"/>
        </w:rPr>
        <w:t>'ff \'eb\'e8\'ed\'e8\'ff \'f1 \'eb\'e8\'ec\'e8\'f2\'ee\'ec \'e2\'fb\'e4\'e0\'f7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 \'ca\'f0\'e5\'e4\'e8\'f2\'ee\'f0 \endash  \'c1\'e0\'ed\'ea \'c2\'d2\'c1 (\'cf\'c0\'ce)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 \'c7\'e0\'e5\'ec\'f9\'e8\'ea \endash }{\rtlch\fcs1 \af0\afs22 \ltrch</w:t>
      </w:r>
      <w:r w:rsidRPr="005A1F79">
        <w:rPr>
          <w:rFonts w:ascii="Courier New" w:hAnsi="Courier New" w:cs="Courier New"/>
        </w:rPr>
        <w:t xml:space="preserve">\fcs0 \fs22\insrsid669575\charrsid13642871  \'ce\'ce\'ce \'ab\'c4\'e0\'eb\'fc\'d0\'fb\'e1\'cf\'ee\'f0\'f2\'bb (\'c8\'cd\'cd 2537047582)}{\r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s22\expnd4\expndtw20\insrsid669575\charrsid13642871  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</w:t>
      </w:r>
      <w:r w:rsidRPr="005A1F79">
        <w:rPr>
          <w:rFonts w:ascii="Courier New" w:hAnsi="Courier New" w:cs="Courier New"/>
        </w:rPr>
        <w:t xml:space="preserve">ab\af0\afs22 \ltrch\fcs0 \b\fs22\expnd4\expndtw20\insrsid669575\charrsid13642871 \'d1\'f3\'ec\'ec\'e0 \'f1\'e4\'e5\'eb\'ea\'e8:}{\rtlch\fcs1 \ab\af0\afs22 \ltrch\fcs0 \fs22\expnd4\expndtw20\insrsid669575\charrsid13642871  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af0\afs22 \ltrch\</w:t>
      </w:r>
      <w:r w:rsidRPr="005A1F79">
        <w:rPr>
          <w:rFonts w:ascii="Courier New" w:hAnsi="Courier New" w:cs="Courier New"/>
        </w:rPr>
        <w:t>fcs0 \fs22\insrsid669575\charrsid13642871 108\~529 411.76 \'f0\'f3\'e1\'eb\'e5\'e9, \'ed\'ee \'ed\'e5 \'e1\'ee\'eb\'e5\'e5 \'e7\'e0\'e4\'ee\'eb\'e6\'e5\'ed\'ed\'ee\'f1\'f2\'e8 \'ef\'ee \'f0\'e5\'f4\'e8\'ed\'e0\'ed\'f1\'e8\'f0\'f3\'e5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c\'f3 \'ca</w:t>
      </w:r>
      <w:r w:rsidRPr="005A1F79">
        <w:rPr>
          <w:rFonts w:ascii="Courier New" w:hAnsi="Courier New" w:cs="Courier New"/>
        </w:rPr>
        <w:t xml:space="preserve">\'f0\'e5\'e4\'e8\'f2\'ed\'ee\'ec\'f3 \'f1\'ee\'e3\'eb\'e0\'f8\'e5\'ed\'e8\'fe \'ed\'e0 \'e4\'e0\'f2\'f3 \'f0\'e5\'f4\'e8\'ed\'e0\'ed\'f1\'e8\'f0\'ee\'e2\'e0\'ed\'e8\'ff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669575\</w:t>
      </w:r>
      <w:r w:rsidRPr="005A1F79">
        <w:rPr>
          <w:rFonts w:ascii="Courier New" w:hAnsi="Courier New" w:cs="Courier New"/>
        </w:rPr>
        <w:t>charrsid13642871 \'d1\'f0\'ee\'ea \'f1\'e4\'e5\'eb\'ea\'e8: }{\rtlch\fcs1 \af0\afs22 \ltrch\fcs0 \fs22\insrsid669575\charrsid13642871 \'e4\'ee 10.07.2023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1\'f0\'ee\'ea \'e8\'f1\'ef\'ee\'eb\'fc\'e7\'ee\'e2\'e0\'ed\'e8\'ff \endash  10 \'ea\'e0\'</w:t>
      </w:r>
      <w:r w:rsidRPr="005A1F79">
        <w:rPr>
          <w:rFonts w:ascii="Courier New" w:hAnsi="Courier New" w:cs="Courier New"/>
        </w:rPr>
        <w:t xml:space="preserve">eb\'e5\'ed\'e4\'e0\'f0\'ed\'fb\'f5 \'e4\'ed\'e5\'e9. }{\rtlch\fcs1 \ab\af0\afs22 \ltrch\fcs0 \fs22\expnd4\expndtw20\insrsid669575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nowidctlpar\wrapdefault\aspalpha\aspnum\faauto\adjustright\rin0\lin0\</w:t>
      </w:r>
      <w:r w:rsidRPr="005A1F79">
        <w:rPr>
          <w:rFonts w:ascii="Courier New" w:hAnsi="Courier New" w:cs="Courier New"/>
        </w:rPr>
        <w:t>itap0\pararsid669575 {\rtlch\fcs1 \ab\af0\afs22 \ltrch\fcs0 \b\fs22\expnd4\expndtw20\insrsid669575\charrsid13642871 \'c3\'f0\'e0\'f4\'e8\'ea \'ef\'e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8\'e5\'ed\'e8\'ff:}{\rtlch\fcs1 \af0\afs22 \ltrch\fcs0 \fs22\insrsid669575\charrsid13642871  \</w:t>
      </w:r>
      <w:r w:rsidRPr="005A1F79">
        <w:rPr>
          <w:rFonts w:ascii="Courier New" w:hAnsi="Courier New" w:cs="Courier New"/>
        </w:rPr>
        <w:t>'ed\'e0\'f7\'e8\'ed\'e0\'ff \'f1 \'e8\'fe\'eb\'ff 2021\'e3., \'e2 \'ef\'ee\'f1\'eb\'e5\'e4\'ed\'e8\'e5 7 \'ea\'e0\'eb\'e5\'ed\'e4\'e0\'f0\'ed\'fb\'f5 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5\'e9 \'ec\'e5\'f1\'ff\'f6\'e0, \'e5\'e6\'e5\'ea\'e2\'e0\'f0\'f2\'e0\'eb\'fc\'ed\'ee, \'e2 \'</w:t>
      </w:r>
      <w:r w:rsidRPr="005A1F79">
        <w:rPr>
          <w:rFonts w:ascii="Courier New" w:hAnsi="Courier New" w:cs="Courier New"/>
        </w:rPr>
        <w:t>f0\'e0\'e7\'ec\'e5\'f0\'e5 12\~058 823,53 \'f0\'f3\'e1\'eb\'e5\'e9, \'ef\'ee\'f1\'eb\'e5\'e4\'ed\'e8\'e9 \'ef\'eb\'e0\'f2\'e5\'e6 \endash  \'e2 \'ef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eb\'e5\'e4\'ed\'e8\'e5 7 \'ea\'e0\'eb\'e5\'ed\'e4\'e0\'f0\'ed\'fb\'f5 \'e4\'ed\'e5\'e9 \'ef\'ee\</w:t>
      </w:r>
      <w:r w:rsidRPr="005A1F79">
        <w:rPr>
          <w:rFonts w:ascii="Courier New" w:hAnsi="Courier New" w:cs="Courier New"/>
        </w:rPr>
        <w:t xml:space="preserve">'f1\'eb\'e5\'e4\'ed\'e5\'e3\'ee \'ec\'e5\'f1\'ff\'f6\'e0 \'f1\'f0\'ee\'ea\'e0 \'e4\'e5\'e9\'f1\'f2\'e2\'e8\'ff \'ca\'f0\'e5\'e4\'e8\'f2\'ed\'ee\'e3\'ee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1\'ee\'e3\'eb\'e0\'f8\'e5\'ed\'e8\'ff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</w:t>
      </w:r>
      <w:r w:rsidRPr="005A1F79">
        <w:rPr>
          <w:rFonts w:ascii="Courier New" w:hAnsi="Courier New" w:cs="Courier New"/>
        </w:rPr>
        <w:t xml:space="preserve">4\expndtw20\insrsid669575\charrsid13642871 \'d6\'e5\'eb\'e5\'e2\'ee\'e5 \'ed\'e0\'e7\'ed\'e0\'f7\'e5\'ed\'e8\'e5:}{\rtlch\fcs1 \af0\afs22 \ltrch\fcs0 \fs22\insrsid669575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widctlpar\wrapdefault\aspalp</w:t>
      </w:r>
      <w:r w:rsidRPr="005A1F79">
        <w:rPr>
          <w:rFonts w:ascii="Courier New" w:hAnsi="Courier New" w:cs="Courier New"/>
        </w:rPr>
        <w:t>ha\aspnum\faauto\adjustright\rin0\lin0\itap0\pararsid669575 {\rtlch\fcs1 \af0\afs22 \ltrch\fcs0 \fs22\insrsid669575\charrsid13642871 \'d0\'e5\'f4\'e8\'ed\'e0\'ed\'f1\'e8\'f0\'ee\'e2\'e0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f1\'ee\'e1\'f1\'f2\'e2\'e5\'ed\'ed\'ee\'e9 \'f1\'f1\'f</w:t>
      </w:r>
      <w:r w:rsidRPr="005A1F79">
        <w:rPr>
          <w:rFonts w:ascii="Courier New" w:hAnsi="Courier New" w:cs="Courier New"/>
        </w:rPr>
        <w:t>3\'e4\'ed\'ee\'e9 \'e7\'e0\'e4\'ee\'eb\'e6\'e5\'ed\'ed\'ee\'f1\'f2\'e8 \'c7\'e0\'e5\'ec\'f9\'e8\'ea\'e0 \'ef\'e5\'f0\'e5\'e4 \'c4\'e5\'e9\'f1\'f2\'e2\'f3\'fe\'f9\'e8\'ec \'ea\'f0\'e5\'e4\'e8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f0\'ee\'ec \'ef\'ee \'ea\'f0\'e5\'e4\'e8\'f2\'f3, \'ef</w:t>
      </w:r>
      <w:r w:rsidRPr="005A1F79">
        <w:rPr>
          <w:rFonts w:ascii="Courier New" w:hAnsi="Courier New" w:cs="Courier New"/>
        </w:rPr>
        <w:t>\'f0\'e8\'e2\'eb\'e5\'f7\'e5\'ed\'ed\'ee\'ec\'f3 \'ed\'e0 \'e8\'ed\'e2\'e5\'f1\'f2\'e8\'f6\'e8\'ee\'ed\'ed\'fb\'e5 \'f6\'e5\'eb\'e8, \'e0 \'e8\'ec\'e5\'ed\'ed\'ee \'ed\'e0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 \'ef\'f0\'e8\'ee\'e1\'f0\'e5\'f2\'e5\'ed\'e8\'e5 \'ee\'f1\'ed\'ee\'e2\'ed\'</w:t>
      </w:r>
      <w:r w:rsidRPr="005A1F79">
        <w:rPr>
          <w:rFonts w:ascii="Courier New" w:hAnsi="Courier New" w:cs="Courier New"/>
        </w:rPr>
        <w:t xml:space="preserve">fb\'f5 \'f1\'f0\'e5\'e4\'f1\'f2\'e2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\~\'f4\'e8\'ed\'e0\'ed\'f1\'e8\'f0\'ee\'e2\'e0\'ed\'e8\'e5 \'f1\'f2\'f0\'ee\'e8\'f2\'e5\'eb\'fc\'f1\'f2\'e2\'e0 (\'f0\'e5\'ea\'ee\'ed\'f1\'f2\'f0\'f3\'ea\'f6\'e8\'e8) \'ed\'e5\'e4\'e2\'e8\'e6\'e8\'ec\'ee\'f1\'f2</w:t>
      </w:r>
      <w:r w:rsidRPr="005A1F79">
        <w:rPr>
          <w:rFonts w:ascii="Courier New" w:hAnsi="Courier New" w:cs="Courier New"/>
        </w:rPr>
        <w:t>\'e8 \'e4\'eb\'ff \'ee\'f1\'f3\'f9\'e5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2\'eb\'e5\'ed\'e8\'ff \'e4\'e5\'ff\'f2\'e5\'eb\'fc\'ed\'ee\'f1\'f2\'e8 \'e2 \'f2. \'f7.: \'ee\'ef\'eb\'e0\'f2\'e0 \'e8\'ed\'e6\'e5\'ed\'e5\'f0\'ed\'fb\'f5 \'e8\'e7\'fb\'f1\'ea\'e0\'ed\'e8\'e9 \'e8 \'ef\'f0</w:t>
      </w:r>
      <w:r w:rsidRPr="005A1F79">
        <w:rPr>
          <w:rFonts w:ascii="Courier New" w:hAnsi="Courier New" w:cs="Courier New"/>
        </w:rPr>
        <w:t>\'ee\'e5\'ea\'f2\'ed\'ee\'e9 \'e4\'ee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ec\'e5\'ed\'f2\'e0\'f6\'e8\'e8, \'ee\'ef\'eb\'e0\'f2\'e0 \'f0\'e0\'e1\'ee\'f2 \'e8 \'f3\'f1\'eb\'f3\'e3, \'ee\'ef\'eb\'e0\'f2\'e0 \'f1\'f2\'f0\'ee\'e8\'f2\'e5\'eb\'fc\'ed\'ee-\'ec\'ee\'ed\'f2\'e0\'e6\'ed\'fb</w:t>
      </w:r>
      <w:r w:rsidRPr="005A1F79">
        <w:rPr>
          <w:rFonts w:ascii="Courier New" w:hAnsi="Courier New" w:cs="Courier New"/>
        </w:rPr>
        <w:t>\'f5\~\'f0\'e0\'e1\'ee\'f2,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- \'f4\'e8\'ed\'e0\'ed\'f1\'e8\'f0\'ee\'e2\'e0\'ed\'e8\'e5 \'e7\'e0\'f2\'f0\'e0\'f2, \'f1\'e2\'ff\'e7\'e0\'ed\'ed\'fb\'f5 \'f1 \'ef\'f0\'e8\'ee\'e1\'f0\'e5\'f2\'e5\'ed\'e8\'e5\'ec \'ed\'e5\'e4\'e2\'e8\'e6\'e8\'ec\'ee\'f1\'</w:t>
      </w:r>
      <w:r w:rsidRPr="005A1F79">
        <w:rPr>
          <w:rFonts w:ascii="Courier New" w:hAnsi="Courier New" w:cs="Courier New"/>
        </w:rPr>
        <w:t>f2\'e8 \'e4\'eb\'ff \'ee\'f1\'f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9\'e5\'f1\'f2\'e2\'eb\'e5\'ed\'e8\'ff \'ef\'f0\'ee\'e8\'e7\'e2\'ee\'e4\'f1\'f2\'e2\'e5\'ed\'ed\'ee\'e9/\'f2\'ee\'f0\'e3\'ee\'e2\'ee\'e9 \'e4\'e5\'ff\'f2\'e5\'eb\'fc\'ed\'ee\'f1\'f2\'e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</w:t>
      </w:r>
      <w:r w:rsidRPr="005A1F79">
        <w:rPr>
          <w:rFonts w:ascii="Courier New" w:hAnsi="Courier New" w:cs="Courier New"/>
        </w:rPr>
        <w:t>0\ri0\sb20\sa20\nowidctlpar\tx305\wrapdefault\aspalpha\aspnum\faauto\adjustright\rin0\lin0\itap0\pararsid669575 {\rtlch\fcs1 \af0\afs22 \ltrch\fcs0 \fs22\insrsid669575\charrsid13642871 \'ca\'f0\'e5\'e4\'e8\'f2\'ed\'fb\'e5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5\'e4\'f1\'f2\'e2\'e0</w:t>
      </w:r>
      <w:r w:rsidRPr="005A1F79">
        <w:rPr>
          <w:rFonts w:ascii="Courier New" w:hAnsi="Courier New" w:cs="Courier New"/>
        </w:rPr>
        <w:t xml:space="preserve"> \'e2 \'f1\'ee\'ee\'f2\'e2\'e5\'f2\'f1\'f2\'e2\'e8\'e8 \'f1 \'ea\'f0\'e5\'e4\'e8\'f2\'ed\'fb\'ec \'f1\'ee\'e3\'eb\'e0\'f8\'e5\'ed\'e8\'e5\'ec \'ed\'e5 \'ec\'ee\'e3\'f3\'f2 \'e1\'fb\'f2\'fc \'f0\'e0\'e7\'ec\'e5\'f9\'e5\'ed\'f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0 \'e4\'e5\'ef\'ee\'e</w:t>
      </w:r>
      <w:r w:rsidRPr="005A1F79">
        <w:rPr>
          <w:rFonts w:ascii="Courier New" w:hAnsi="Courier New" w:cs="Courier New"/>
        </w:rPr>
        <w:t>7\'e8\'f2\'e0\'f5, \'e0 \'f2\'e0\'ea\'e6\'e5 \'e2 \'e8\'ed\'fb\'f5 \'f4\'e8\'ed\'e0\'ed\'f1\'ee\'e2\'fb\'f5 \'e8\'ed\'f1\'f2\'f0\'f3\'ec\'e5\'ed\'f2\'e0\'f5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i\af0\afs22 \ltrch\fcs0 \b\fs22\insrsid669575\charrsid13642871 \'ce\'e1\'e5\</w:t>
      </w:r>
      <w:r w:rsidRPr="005A1F79">
        <w:rPr>
          <w:rFonts w:ascii="Courier New" w:hAnsi="Courier New" w:cs="Courier New"/>
        </w:rPr>
        <w:t>'f1\'ef\'e5\'f7\'e5\'ed\'e8\'e5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i\af0\afs22 \ltrch\fcs0 \fs22\insrsid669575\charrsid13642871 \'cf\'ee\'f0\'f3\'f7\'e8\'f2\'e5\'eb\'fc\'f1\'f2\'e2\'ee \'fe\'f0\'e8\'e4\'e8\'f7\'e5\'f1\'ea\'e8\'f5/\'f4\'e8\'e7\'e8\'f7\'e5\'f1\'ea\'e8\'</w:t>
      </w:r>
      <w:r w:rsidRPr="005A1F79">
        <w:rPr>
          <w:rFonts w:ascii="Courier New" w:hAnsi="Courier New" w:cs="Courier New"/>
        </w:rPr>
        <w:t>f5 \'eb\'e8\'f6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669575\charrsid13642871 \hich\af0\dbch\af0\loch\f0 -\tab}}\pard \ltrpar\qj \fi426\li720\ri0\sb20\sa20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x317\jclisttab\tx720\wrapdefault\aspalp</w:t>
      </w:r>
      <w:r w:rsidRPr="005A1F79">
        <w:rPr>
          <w:rFonts w:ascii="Courier New" w:hAnsi="Courier New" w:cs="Courier New"/>
        </w:rPr>
        <w:t>ha\aspnum\faauto\ls41\adjustright\rin0\lin720\itap0\pararsid669575 {\rtlch\fcs1 \af0\afs22 \ltrch\fcs0 \fs22\insrsid669575\charrsid13642871  \'c0\'ce \'ab\'d2\'e5\'f0\'ec\'e8\'ed\'e0\'eb \'c0\'f1\'f2\'e0\'f4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2\'e0\'bb (\'c8\'cd\'cd 2508001618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669575\charrsid13642871 \hich\af0\dbch\af0\loch\f0 -\tab}}\pard \ltrpar\qj \fi426\li720\ri0\sb20\sa20\sl276\slmult1\nowidctl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tx317\jclisttab\tx720\wrapdefault\aspalpha</w:t>
      </w:r>
      <w:r w:rsidRPr="005A1F79">
        <w:rPr>
          <w:rFonts w:ascii="Courier New" w:hAnsi="Courier New" w:cs="Courier New"/>
        </w:rPr>
        <w:t>\aspnum\faauto\ls41\adjustright\rin0\lin720\itap0\pararsid669575 {\rtlch\fcs1 \af0\afs22 \ltrch\fcs0 \fs22\insrsid669575\charrsid13642871 \'c0\'ce \'ab\'c4\'e0\'eb\'fc\'ea\'ee\'ec\'f5\'ee\'eb\'ee\'e4\'bb (\'c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d\'cd 2537003955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</w:t>
      </w:r>
      <w:r w:rsidRPr="005A1F79">
        <w:rPr>
          <w:rFonts w:ascii="Courier New" w:hAnsi="Courier New" w:cs="Courier New"/>
        </w:rPr>
        <w:t>lain\ltrpar \rtlch\fcs1 \af0\afs22 \ltrch\fcs0 \fs22\insrsid669575\charrsid13642871 \hich\af0\dbch\af0\loch\f0 -\tab}\'d0\'fb\'e1\'ee\'eb\'ee\'e2\'e5\'f6\'ea\'e8\'e9 \'ea\'ee\'eb\'f5\'ee\'e7 \'ab\'ce\'e3\'ed\'e8 \'c2\'ee\'f1\'f2\'ee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bb (\'c8\'cd</w:t>
      </w:r>
      <w:r w:rsidRPr="005A1F79">
        <w:rPr>
          <w:rFonts w:ascii="Courier New" w:hAnsi="Courier New" w:cs="Courier New"/>
        </w:rPr>
        <w:t>\'cd 2528004952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669575\charrsid13642871 \hich\af0\dbch\af0\loch\f0 -\tab}\'ce\'ce\'ce \'ab\'c0\'ea\'e2\'e0-\'d0\'e5\'f1\'f3\'f0\'f1\'fb\'bb (\'c8\'cd\'cd 25370525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</w:t>
      </w:r>
      <w:r w:rsidRPr="005A1F79">
        <w:rPr>
          <w:rFonts w:ascii="Courier New" w:hAnsi="Courier New" w:cs="Courier New"/>
        </w:rPr>
        <w:t>r {\listtext\pard\plain\ltrpar \rtlch\fcs1 \af0\afs22 \ltrch\fcs0 \fs22\insrsid669575\charrsid13642871 \hich\af0\dbch\af0\loch\f0 -\tab}\'ce\'ce\'ce \'ab\'cc\'e0\'e3\'e8\'f1\'f2\'f0\'e0\'eb\'fc-\'c4\'c2\'bb (\'c8\'cd\'cd 254007789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</w:t>
      </w:r>
      <w:r w:rsidRPr="005A1F79">
        <w:rPr>
          <w:rFonts w:ascii="Courier New" w:hAnsi="Courier New" w:cs="Courier New"/>
        </w:rPr>
        <w:t>plain\ltrpar \rtlch\fcs1 \af0\afs22 \ltrch\fcs0 \fs22\insrsid669575\charrsid13642871 \hich\af0\dbch\af0\loch\f0 -\tab}\'ce\'ce\'ce \'ab\'c4\'e0\'eb\'fc\'ed\'e5\'e2\'ee\'f1\'f2\'ee\'f7\'ed\'e0\'ff \'f2\'f0\'e0\'ed\'f1\'ef\'ee\'f0\'f2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f \'ea\'ee\</w:t>
      </w:r>
      <w:r w:rsidRPr="005A1F79">
        <w:rPr>
          <w:rFonts w:ascii="Courier New" w:hAnsi="Courier New" w:cs="Courier New"/>
        </w:rPr>
        <w:t>'ec\'ef\'e0\'ed\'e8\'ff\'bb (\'c8\'cd\'cd 2537089310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669575\charrsid13642871 \hich\af0\dbch\af0\loch\f0 -\tab}\'ce\'ce\'ce \'ab\'d2\'e8\'f5\'ee\'ee\'ea\'e5\'e0\'ed\'f1\'ea</w:t>
      </w:r>
      <w:r w:rsidRPr="005A1F79">
        <w:rPr>
          <w:rFonts w:ascii="Courier New" w:hAnsi="Courier New" w:cs="Courier New"/>
        </w:rPr>
        <w:t>\'e8\'e9 \'e1\'e0\'eb\'ea\'e5\'f0\'ed\'fb\'e9 \'f2\'e5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8\'ed\'e0\'eb\'bb (\'c8\'cd\'cd 2537131611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669575\charrsid13642871 \hich\af0\dbch\af0\loch\f0 -\tab}\'ce</w:t>
      </w:r>
      <w:r w:rsidRPr="005A1F79">
        <w:rPr>
          <w:rFonts w:ascii="Courier New" w:hAnsi="Courier New" w:cs="Courier New"/>
        </w:rPr>
        <w:t>\'ce\'ce \'ab\'d2\'e5\'f0\'ec\'e8\'ed\'e0\'eb \'c0\'f1\'f2\'e0\'f4\'fc\'e5\'e2\'e0\'bb (\'c8\'cd\'cd 2508129784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669575\charrsid13642871 \hich\af0\dbch\af0\loch\f0 -\tab}</w:t>
      </w:r>
      <w:r w:rsidRPr="005A1F79">
        <w:rPr>
          <w:rFonts w:ascii="Courier New" w:hAnsi="Courier New" w:cs="Courier New"/>
        </w:rPr>
        <w:t>\'ce\'ce\'ce \'ab\'c1\'e5\'f0\'e5\'e3\'e0 \'cf\'f0\'e8\'ec\'ee\'f0\'fc\'ff\'bb (\'c8\'cd\'cd 2537082386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669575\charrsid13642871 \hich\af0\dbch\af0\loch\f0 -\tab}\'ce\'ce\'</w:t>
      </w:r>
      <w:r w:rsidRPr="005A1F79">
        <w:rPr>
          <w:rFonts w:ascii="Courier New" w:hAnsi="Courier New" w:cs="Courier New"/>
        </w:rPr>
        <w:t>ce \'ab\'c0\'ea\'e2\'e0\'e8\'ed\'e4\'f3\'f1\'f2\'f0\'e8\'ff\'bb (\'c8\'cd\'cd 2537067613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s22\insrsid669575\charrsid13642871 \hich\af0\dbch\af0\loch\f0 -\tab}\'ca\'ee\'ed\'e4\'f0\'e0\</w:t>
      </w:r>
      <w:r w:rsidRPr="005A1F79">
        <w:rPr>
          <w:rFonts w:ascii="Courier New" w:hAnsi="Courier New" w:cs="Courier New"/>
        </w:rPr>
        <w:t xml:space="preserve">'f2\'ee\'e2 \'d0\'f3\'f1\'eb\'e0\'ed \'c2\'e8\'ea\'f2\'ee\'f0\'ee\'e2\'e8\'f7;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nowidctlpar\wrapdefault\faauto\rin0\lin0\itap0\pararsid669575 {\rtlch\fcs1 \af0\afs22 \ltrch\fcs0 \fs22\insrsid669575\charrsid13642871 \'</w:t>
      </w:r>
      <w:r w:rsidRPr="005A1F79">
        <w:rPr>
          <w:rFonts w:ascii="Courier New" w:hAnsi="Courier New" w:cs="Courier New"/>
        </w:rPr>
        <w:t>c2\'e8\'e4 \'ee\'f2\'e2\'e5\'f2\'f1\'f2\'e2\'e5\'ed\'ed\'ee\'f1\'f2\'e8 \'ef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3\'f7\'e8\'f2\'e5\'eb\'ff: \'f1\'ee\'eb\'e8\'e4\'e0\'f0\'ed\'e0\'ff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d0\'e0\'e7\'ec\'e5\'f0 \'ee\'f2\'e2\'e5\'f2\'f1\'f2\'e2\'e5\'ed\'ed\'ee\'f1\'f2\'e8 \'ef\'</w:t>
      </w:r>
      <w:r w:rsidRPr="005A1F79">
        <w:rPr>
          <w:rFonts w:ascii="Courier New" w:hAnsi="Courier New" w:cs="Courier New"/>
        </w:rPr>
        <w:t>ee\'f0\'f3\'f7\'e8\'f2\'e5\'eb\'ff: \'ed\'e0 \'e2\'f1\'fe \'f1\'f3\'ec\'ec\'f3 \'ee\'e1\'ff\'e7\'e0\'f2\'e5\'eb\'fc\'f1\'f2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\pard \ltrpar\qj \fi426\li0\ri0\widctlpar\wrapdefault\aspalpha\aspnum\faauto\adjustright\rin0\lin0\itap0\pararsid669575 </w:t>
      </w:r>
      <w:r w:rsidRPr="005A1F79">
        <w:rPr>
          <w:rFonts w:ascii="Courier New" w:hAnsi="Courier New" w:cs="Courier New"/>
        </w:rPr>
        <w:t>{\rtlch\fcs1 \af0\afs22 \ltrch\fcs0 \fs22\insrsid669575\charrsid13642871 \'e7\'e0\'eb\'ee\'e3: \'e7\'e0\'eb\'ee\'e3 \'e4\'e2\'e8\'e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c\'ee\'e3\'ee/ \'e8\'ec\'f3\'f9\'e5\'f1\'f2\'e2\'e0, \'ef\'f0\'e8\'ed\'e0\'e4\'eb\'e5\'e6\'e0\'f9\'e5\'e3\'ee \'ce\</w:t>
      </w:r>
      <w:r w:rsidRPr="005A1F79">
        <w:rPr>
          <w:rFonts w:ascii="Courier New" w:hAnsi="Courier New" w:cs="Courier New"/>
        </w:rPr>
        <w:t>'ce\'ce \'ab\'c4\'e0\'eb\'fc\'d0\'fb\'e1\'cf\'ee\'f0\'f2\'bb                              (\'c8\'cd\'cd 2537047582); \'e7\'e0\'eb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3 \'ed\'e5\'e4\'e2\'e8\'e6\'e8\'ec\'ee\'e3\'ee \'e8\'ec\'f3\'f9\'e5\'f1\'f2\'e2\'e0, \'ef\'f0\'e8\'ed\'e0\'e4\'eb\'e5\</w:t>
      </w:r>
      <w:r w:rsidRPr="005A1F79">
        <w:rPr>
          <w:rFonts w:ascii="Courier New" w:hAnsi="Courier New" w:cs="Courier New"/>
        </w:rPr>
        <w:t>'e6\'e0\'f9\'e5\'e3\'ee \'ce\'ce\'ce \'ab\'c1\'e5\'f0\'e5\'e3\'e0 \'cf\'f0\'e8\'ec\'ee\'f0\'fc\'ff\'bb (\'c8\'cd\'cd 2537082386)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e7\'e0\'eb\'ee\'e3 \'e4\'e2\'e8\'e6\'e8\'ec\'ee\'e3\'ee \'e8\'ec\'f3\'f9\'e5\'f1\'f2\'e2\'e0, \'ef\'f0\'e8\'ed\'e0\'</w:t>
      </w:r>
      <w:r w:rsidRPr="005A1F79">
        <w:rPr>
          <w:rFonts w:ascii="Courier New" w:hAnsi="Courier New" w:cs="Courier New"/>
        </w:rPr>
        <w:t>e4\'eb\'e5\'e6\'e0\'f9\'e5\'e3\'ee \'c0\'ce \'ab\'d2\'e5\'f0\'ec\'e8\'ed\'e0\'eb \'c0\'f1\'f2\'e0\'f4\'fc\'e5\'e2\'e0\'b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                                 (\'c8\'cd\'cd 2508001618)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cd\'e0\'e8\'ec\'e5\'ed\'ee\'e2\'e0\'ed\'e8\'e5: }{\rtlch\</w:t>
      </w:r>
      <w:r w:rsidRPr="005A1F79">
        <w:rPr>
          <w:rFonts w:ascii="Courier New" w:hAnsi="Courier New" w:cs="Courier New"/>
        </w:rPr>
        <w:t xml:space="preserve">fcs1 \af0\afs22 \ltrch\fcs0 \b\fs22\insrsid669575\charrsid13642871 \'c4\'f0\'ee\'e1\'e8\'eb\'fc\'ed\'ee-\'f1\'ee\'f0\'f2\'e8\'f0\'ee\'e2\'ee\'f7\'ed\'e0\'ff \'f3\'f1\'f2\'e0\'ed\'ee\'e2\'ea\'e0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e\'e4\'e5\'eb\'fc HXCI 1110,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</w:t>
      </w:r>
      <w:r w:rsidRPr="005A1F79">
        <w:rPr>
          <w:rFonts w:ascii="Courier New" w:hAnsi="Courier New" w:cs="Courier New"/>
        </w:rPr>
        <w:t>0\afs22 \ltrch\fcs0 \fs22\insrsid669575\charrsid13642871 \'ce\'f1\'ed\'ee\'e2\'ed\'fb\'e5 \'e8\'e4\'e5\'ed\'f2\'e8\'f4\'e8\'ea\'e0\'f6\'e8\'ee\'ed\'ed\'fb\'e5 \'ef\'f0\'e8\'e7\'ed\'e0\'ea\'e8: 6BT5.9-P160, 78609753,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c1\'e0\'eb\'e0\'ed\'f1\'ee\'e2\'</w:t>
      </w:r>
      <w:r w:rsidRPr="005A1F79">
        <w:rPr>
          <w:rFonts w:ascii="Courier New" w:hAnsi="Courier New" w:cs="Courier New"/>
        </w:rPr>
        <w:t>e0\'ff \'f1\'f2\'ee\'e8\'ec\'ee\'f1\'f2\'fc (\'f0\'f3\'e1.): }{\rtlch\fcs1 \ab\af0\afs22 \ltrch\fcs0 \fs22\insrsid669575\charrsid13642871 48 762\~500.00,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\'d0\'fb\'ed\'ee\'f7\'ed\'e0\'ff \'f1\'f2\'ee\'e8\'ec\'ee\'f1\'f2\'fc \'e1\'e5\'e7 \'cd\'c4\'d1 </w:t>
      </w:r>
      <w:r w:rsidRPr="005A1F79">
        <w:rPr>
          <w:rFonts w:ascii="Courier New" w:hAnsi="Courier New" w:cs="Courier New"/>
        </w:rPr>
        <w:t>(\'f0\'f3\'e1.): 48 762\~500.00,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widctlpar\tqc\tx4677\tqr\tx9355\wrapdefault\aspalpha\aspnum\faauto\adjustright\rin0\lin0\itap0\pararsid669575 {\rtlch\fcs1 \af0\afs22 \ltrch\fcs0 \fs22\insrsid669575\charrsid13642871 \</w:t>
      </w:r>
      <w:r w:rsidRPr="005A1F79">
        <w:rPr>
          <w:rFonts w:ascii="Courier New" w:hAnsi="Courier New" w:cs="Courier New"/>
        </w:rPr>
        <w:t>'cc\'e5\'f1\'f2\'ee \'ed\'e0\'f5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6\'e4\'e5\'ed\'e8\'ff \'cf\'f0\'e5\'e4\'ec\'e5\'f2\'e0 \'e7\'e0\'eb\'ee\'e3\'e0: \'cf\'f0\'e8\'ec\'ee\'f0\'f1\'ea\'e8\'e9 \'ea\'f0\'e0\'e9, \'e3. \'cd\'e0\'f5\'ee\'e4\'ea\'e0, \'f3\'eb. \'c0\'f1\'f2\'e0\'f4\'fc\'e5\</w:t>
      </w:r>
      <w:r w:rsidRPr="005A1F79">
        <w:rPr>
          <w:rFonts w:ascii="Courier New" w:hAnsi="Courier New" w:cs="Courier New"/>
        </w:rPr>
        <w:t>'e2\'e0, \'e4. 1,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c4\'ee\'ea\'f3\'ec\'e5\'ed\'f2\'fb, \'ef\'ee\'e4\'f2\'e2\'e5\'f0\'e6\'e4\'e0\'fe\'f9\'e8\'e5 \'ef\'f0\'e0\'e2\'ee \'f1\'ee\'e1\'f1\'f2\'e2\'e5\'ed\'ed\'ee\'f1\'f2\'e8: \'c4\'ee\'e3\'ee\'e2\'ee\'f0 \'ea\'f3\'ef\'eb\'e8-\'ef\'f0\'ee</w:t>
      </w:r>
      <w:r w:rsidRPr="005A1F79">
        <w:rPr>
          <w:rFonts w:ascii="Courier New" w:hAnsi="Courier New" w:cs="Courier New"/>
        </w:rPr>
        <w:t>\'e4\'e0\'e6\'e8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5\'f6\'f2\'e5\'f5\'ed\'e8\'ea\'e8 \'ee\'f2 16.06.202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b\af0\afs22 \ltrch\fcs0 \b\fs22\expnd4\expndtw20\insrsid669575\charrsid13642871 \'cf\'f0\'ee\'f6\'e5\'ed\'f2\'ed\'e0\'ff \'f1\'f2\'e0\'e2\'ea\'e0:}{\r</w:t>
      </w:r>
      <w:r w:rsidRPr="005A1F79">
        <w:rPr>
          <w:rFonts w:ascii="Courier New" w:hAnsi="Courier New" w:cs="Courier New"/>
        </w:rPr>
        <w:t xml:space="preserve">tlch\fcs1 \ab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fs22\expnd4\expndtw20\insrsid669575\charrsid13642871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sb20\sa20\widctlpar\wrapdefault\aspalpha\aspnum\faauto\adjustright\rin0\lin0\itap0\pararsid669575 {\rtlch\fcs1 \af0\afs22 \</w:t>
      </w:r>
      <w:r w:rsidRPr="005A1F79">
        <w:rPr>
          <w:rFonts w:ascii="Courier New" w:hAnsi="Courier New" w:cs="Courier New"/>
        </w:rPr>
        <w:t>ltrch\fcs0 \fs22\insrsid669575\charrsid13642871 1)  7,75 % \'e3\'ee\'e4\'ee\'e2\'fb\'f5 \endash 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rch\fcs0 \fs22\lang1049\langfe1033\langfenp1033\insrsid669575\charrsid13642871 \endash  \'cb\'fc\'e3\'ee\'f2\'ed\'e0\'ff \'f1\'f2\</w:t>
      </w:r>
      <w:r w:rsidRPr="005A1F79">
        <w:rPr>
          <w:rFonts w:ascii="Courier New" w:hAnsi="Courier New" w:cs="Courier New"/>
        </w:rPr>
        <w:t>'e0\'e2\'ea\'e0 }{\rtlch\fcs1 \af0\afs22 \ltrch\fcs0 \fs22\insrsid669575\charrsid13642871 \'ea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4\'e8\'f2\'ee\'e2\'e0\'ed\'e8\'ff (\'cb\'d1\'f2), \'ef\'f0\'e8 \'f3\'f1\'eb\'ee\'e2\'e8\'e8 \'f1\'ee\'e3\'eb\'e0\'f1\'ee\'e2\'e0\'ed\'e8\'ff \'d3\'ef</w:t>
      </w:r>
      <w:r w:rsidRPr="005A1F79">
        <w:rPr>
          <w:rFonts w:ascii="Courier New" w:hAnsi="Courier New" w:cs="Courier New"/>
        </w:rPr>
        <w:t>\'ee\'eb\'ed\'ee\'ec\'ee\'f7\'e5\'ed\'ed\'fb\'ec \'eb\'e8\'f6\'ee\'ec \'c1\'e0\'ed\'ea\'e0 \'c2\'d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1 (\'cf\'c0\'ce)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widctlpar\wrapdefault\aspalpha\aspnum\faauto\adjustright\rin0\lin0\itap0\pararsid669575 {\rtlch</w:t>
      </w:r>
      <w:r w:rsidRPr="005A1F79">
        <w:rPr>
          <w:rFonts w:ascii="Courier New" w:hAnsi="Courier New" w:cs="Courier New"/>
        </w:rPr>
        <w:t>\fcs1 \af0\afs22 \ltrch\fcs0 \fs22\insrsid669575\charrsid13642871 2) \'c1\'e0\'ed\'ea \'e2\'ef\'f0\'e0\'e2\'e5 \'e2 \'ee\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f1\'f2\'ee\'f0\'ee\'ed\'ed\'e5\'ec \'ef\'ee\'f0\'ff\'e4\'ea\'e5 \'f3\'e2\'e5\'eb\'e8\'f7\'e8\'f2\'fc \'f0\'e0\'e7\'ec\'e</w:t>
      </w:r>
      <w:r w:rsidRPr="005A1F79">
        <w:rPr>
          <w:rFonts w:ascii="Courier New" w:hAnsi="Courier New" w:cs="Courier New"/>
        </w:rPr>
        <w:t xml:space="preserve">5\'f0 \'cb\'fc\'e3\'ee\'f2\'ed\'ee\'e9 \'f1\'f2\'e0\'e2\'ea\'e8 \'ea\'f0\'e5\'e4\'e8\'f2\'ee\'e2\'e0\'ed\'e8\'ff \'e4\'ee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f0\'ee\'e2\'ed\'ff \'e4\'ee 10,5% \'e3\'ee\'e4\'ee\'e2\'fb\'f5, \'e2 \'f1\'eb\'f3\'f7\'e0\'e5 \'e2\'fb\'ff\'e2\'eb\'e5\'ed\'e8</w:t>
      </w:r>
      <w:r w:rsidRPr="005A1F79">
        <w:rPr>
          <w:rFonts w:ascii="Courier New" w:hAnsi="Courier New" w:cs="Courier New"/>
        </w:rPr>
        <w:t>\'ff \'ee\'e4\'ed\'ee\'e3\'ee \'e8\'eb\'e8 \'ed\'e5\'f1\'ea\'ee\'eb\'fc\'ea\'e8\'f5 \'e8\'e7 \'f1\'eb\'e5\'e4\'f3\'fe\'f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5 \'ee\'f1\'ed\'ee\'e2\'e0\'ed\'e8\'e9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widctlpar\tx426\wrapdefault\aspalpha\aspnum\faa</w:t>
      </w:r>
      <w:r w:rsidRPr="005A1F79">
        <w:rPr>
          <w:rFonts w:ascii="Courier New" w:hAnsi="Courier New" w:cs="Courier New"/>
        </w:rPr>
        <w:t>uto\adjustright\rin0\lin0\itap0\pararsid669575 {\rtlch\fcs1 \af0\afs22 \ltrch\fcs0 \fs22\lang1049\langfe1033\langfenp1033\insrsid669575\charrsid13642871 1. \'e2\'fb\'ff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d\'e8\'e5 \'f4\'e0\'ea\'f2\'e0 \'ed\'e5\'f6\'e5\'eb\'e5\'e2\'ee\'e3\'ee</w:t>
      </w:r>
      <w:r w:rsidRPr="005A1F79">
        <w:rPr>
          <w:rFonts w:ascii="Courier New" w:hAnsi="Courier New" w:cs="Courier New"/>
        </w:rPr>
        <w:t xml:space="preserve"> \'e8\'f1\'ef\'ee\'eb\'fc\'e7\'ee\'e2\'e0\'ed\'e8\'ff \'e7\'e0\'e5\'ec\'f9\'e8\'ea\'ee\'ec \'ea\'f0\'e5\'e4\'e8\'f2\'e0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2. \'e2\'fb\'ff\'e2\'eb\'e5\'ed\'e8\'e5 \'f4\'e0\'ea\'f2\'e0 \'ed\'e5\'f1\'ee\'ee\'f2\'e2\'e5\'f2\'f1\'f2\'e2\'e8\'ff \'e7\'e0\'e</w:t>
      </w:r>
      <w:r w:rsidRPr="005A1F79">
        <w:rPr>
          <w:rFonts w:ascii="Courier New" w:hAnsi="Courier New" w:cs="Courier New"/>
        </w:rPr>
        <w:t>5\'ec\'f9\'e8\'ea\'e0 \'ed\'e0 \'e4\'e5\'ed\'fc \'e7\'e0\'ea\'eb\'fe\'f7\'e5\'ed\'e8\'ff \'ea\'f0\'e5\'e4\'e8\'f2\'ed\'ee\'e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 \'f1\'ee\'e3\'eb\'e0\'f8\'e5\'ed\'e8\'ff \'ee\'e4\'ed\'ee\'ec\'f3 \'e8\'eb\'e8 \'ed\'e5\'f1\'ea\'ee\'eb\'fc\'ea\'e8\'ec \'f2</w:t>
      </w:r>
      <w:r w:rsidRPr="005A1F79">
        <w:rPr>
          <w:rFonts w:ascii="Courier New" w:hAnsi="Courier New" w:cs="Courier New"/>
        </w:rPr>
        <w:t>\'f0\'e5\'e1\'ee\'e2\'e0\'ed\'e8\'ff\'ec, \'e8\'e7\'eb\'ee\'e6\'e5\'ed\'ed\'fb\'ec \'e2 \'ef. 20 \'cf\'f0\'ee\'e3\'f0\'e0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fb 176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3. }{\rtlch\fcs1 \af0\afs22 \ltrch\fcs0 \fs22\insrsid669575\charrsid13642871 \'ef\'f0\'e5\'ea\'f0\'e0\'f9\'e</w:t>
      </w:r>
      <w:r w:rsidRPr="005A1F79">
        <w:rPr>
          <w:rFonts w:ascii="Courier New" w:hAnsi="Courier New" w:cs="Courier New"/>
        </w:rPr>
        <w:t>5\'ed\'e8\'e5 \'e4\'e5\'e9\'f1\'f2\'e2\'e8\'ff \'cf\'f0\'ee\'e3\'f0\'e0\'ec\'ec\'fb 1764 / \'ee\'f2\'ec\'e5\'ed\'e0 \'cf\'ee\'f1\'f2\'e0\'ed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b\'e5\'ed\'e8\'ff \'cf\'f0\'e0\'e2\'e8\'f2\'e5\'eb\'fc\'f1\'f2\'e2\'e0 \'d0\'ee\'f1\'f1\'e8\'e9\'f1\'ea</w:t>
      </w:r>
      <w:r w:rsidRPr="005A1F79">
        <w:rPr>
          <w:rFonts w:ascii="Courier New" w:hAnsi="Courier New" w:cs="Courier New"/>
        </w:rPr>
        <w:t>\'ee\'e9 \'d4\'e5\'e4\'e5\'f0\'e0\'f6\'e8\'e8 \'ee\'f2 30.12.2018 \'b91764 \'ab\'ce\'e1 \'f3\'f2\'e2\'e5\'f0\'e6\'e4\'e5\'ed\'e8\'e8 \'cf\'f0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8\'eb \'ef\'f0\'e5\'e4\'ee\'f1\'f2\'e0\'e2\'eb\'e5\'ed\'e8\'ff \'f1\'f3\'e1\'f1\'e8\'e4\'e8\'e9 \'e8\'</w:t>
      </w:r>
      <w:r w:rsidRPr="005A1F79">
        <w:rPr>
          <w:rFonts w:ascii="Courier New" w:hAnsi="Courier New" w:cs="Courier New"/>
        </w:rPr>
        <w:t>e7 \'f4\'e5\'e4\'e5\'f0\'e0\'eb\'fc\'ed\'ee\'e3\'ee \'e1\'fe\'e4\'e6\'e5\'f2\'e0 \'f0\'ee\'f1\'f1\'e8\'e9\'f1\'ea\'e8\'ec \'ea\'f0\'e5\'e4\'e8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fb\'ec \'ee\'f0\'e3\'e0\'ed\'e8\'e7\'e0\'f6\'e8\'ff\'ec \'e8 \'f1\'ef\'e5\'f6\'e8\'e0\'eb\'e8\'e7\'e8\</w:t>
      </w:r>
      <w:r w:rsidRPr="005A1F79">
        <w:rPr>
          <w:rFonts w:ascii="Courier New" w:hAnsi="Courier New" w:cs="Courier New"/>
        </w:rPr>
        <w:t>'f0\'ee\'e2\'e0\'ed\'ed\'fb\'ec \'f4\'e8\'ed\'e0\'ed\'f1\'ee\'e2\'fb\'ec \'ee\'e1\'f9\'e5\'f1\'f2\'e2\'e0\'ec \'ed\'e0 \'e2\'ee\'e7\'ec\'e5\'f9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8\'e5 \'ed\'e5\'e4\'ee\'ef\'ee\'eb\'f3\'f7\'e5\'ed\'ed\'fb\'f5 \'e8\'ec\'e8 \'e4\'ee\'f5\'ee\'e4\'ee</w:t>
      </w:r>
      <w:r w:rsidRPr="005A1F79">
        <w:rPr>
          <w:rFonts w:ascii="Courier New" w:hAnsi="Courier New" w:cs="Courier New"/>
        </w:rPr>
        <w:t>\'e2 \'ef\'ee \'ea\'f0\'e5\'e4\'e8\'f2\'e0\'ec, \'e2\'fb\'e4\'e0\'ed\'ed\'fb\'ec \'e2 2019 - 2024 \'e3\'ee\'e4\'e0\'f5 \'f1\'f3\'e1\'fa\'e5\'ea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c \'ec\'e0\'eb\'ee\'e3\'ee \'e8 \'f1\'f0\'e5\'e4\'ed\'e5\'e3\'ee \'ef\'f0\'e5\'e4\'ef\'f0\'e8\'ed\'e</w:t>
      </w:r>
      <w:r w:rsidRPr="005A1F79">
        <w:rPr>
          <w:rFonts w:ascii="Courier New" w:hAnsi="Courier New" w:cs="Courier New"/>
        </w:rPr>
        <w:t>8\'ec\'e0\'f2\'e5\'eb\'fc\'f1\'f2\'e2\'e0, \'e0 \'f2\'e0\'ea\'e6\'e5 \'f4\'e8\'e7\'e8\'f7\'e5\'f1\'ea\'e8\'ec \'eb\'e8\'f6\'e0\'ec, \'ef\'f0\'e8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d\'ff\'fe\'f9\'e8\'ec \'f1\'ef\'e5\'f6\'e8\'e0\'eb\'fc\'ed\'fb\'e9 \'ed\'e0\'eb\'ee\'e3\'ee\'e2\'fb</w:t>
      </w:r>
      <w:r w:rsidRPr="005A1F79">
        <w:rPr>
          <w:rFonts w:ascii="Courier New" w:hAnsi="Courier New" w:cs="Courier New"/>
        </w:rPr>
        <w:t>\'e9 \'f0\'e5\'e6\'e8\'ec \'ab\'cd\'e0\'eb\'ee\'e3 \'ed\'e0 \'ef\'f0\'ee\'f4\'e5\'f1\'f1\'e8\'ee\'ed\'e0\'eb\'fc\'ed\'fb\'e9 \'e4\'ee\'f5\'ee\'e4\'b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, \'ef\'ee \'eb\'fc\'e3\'ee\'f2\'ed\'ee\'e9 \'f1\'f2\'e0\'e2\'ea\'e5\'bb (\'f1 \'f3\'f7\'e5\'f2\'ee\'ec \</w:t>
      </w:r>
      <w:r w:rsidRPr="005A1F79">
        <w:rPr>
          <w:rFonts w:ascii="Courier New" w:hAnsi="Courier New" w:cs="Courier New"/>
        </w:rPr>
        <w:t>'e8\'e7\'ec\'e5\'ed\'e5\'ed\'e8\'e9 \'e8 \'e4\'ee\'ef\'ee\'eb\'ed\'e5\'ed\'e8\'e9)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s22\lang1049\langfe1033\langfenp1033\insrsid669575\charrsid13642871 4. \'ef\'ee\'eb\'f3\'f7\'e5\'ed\'e8\'e5 \'c1\'e0\'ed\'ea\'e</w:t>
      </w:r>
      <w:r w:rsidRPr="005A1F79">
        <w:rPr>
          <w:rFonts w:ascii="Courier New" w:hAnsi="Courier New" w:cs="Courier New"/>
        </w:rPr>
        <w:t>e\'ec \'ee\'f4\'e8\'f6\'e8\'e0\'eb\'fc\'ed\'ee\'e3\'ee \'ef\'e8\'f1\'fc\'ec\'e0 \'cc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8\'f1\'f2\'e5\'f0\'f1\'f2\'e2\'e0 \'f4\'e8\'ed\'e0\'ed\'f1\'ee\'e2 \'d0\'ee\'f1\'f1\'e8\'e9\'f1\'ea\'ee\'e9 \'d4\'e5\'e4\'e5\'f0\'e0\'f6\'e8\'e8/\'cc\'e8\'ed\'</w:t>
      </w:r>
      <w:r w:rsidRPr="005A1F79">
        <w:rPr>
          <w:rFonts w:ascii="Courier New" w:hAnsi="Courier New" w:cs="Courier New"/>
        </w:rPr>
        <w:t xml:space="preserve">fd\'ea\'ee\'ed\'ee\'ec\'f0\'e0\'e7\'e2\'e8\'f2\'e8\'ff \'d0\'ee\'f1\'f1\'e8\'e8 \'ee\'e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f2\'f1\'f3\'f2\'f1\'f2\'e2\'e8\'e8 \'e1\'fe\'e4\'e6\'e5\'f2\'ed\'fb\'f5 \'e0\'f1\'f1\'e8\'e3\'ed\'ee\'e2\'e0\'ed\'e8\'e9 \'e8 \'eb\'e8\'ec\'e8\'f2\'ee\'e2 \'e1</w:t>
      </w:r>
      <w:r w:rsidRPr="005A1F79">
        <w:rPr>
          <w:rFonts w:ascii="Courier New" w:hAnsi="Courier New" w:cs="Courier New"/>
        </w:rPr>
        <w:t>\'fe\'e4\'e6\'e5\'f2\'ed\'fb\'f5 \'ee\'e1\'ff\'e7\'e0\'f2\'e5\'eb\'fc\'f1\'f2\'e2, 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f6\'e5\'eb\'e8, \'ef\'f0\'e5\'e4\'f3\'f1\'ec\'ee\'f2\'f0\'e5\'ed\'ed\'fb\'e5 }{\rtlch\fcs1 \af0\afs22 \ltrch\fcs0 \fs22\insrsid669575\charrsid13642871 \'cf\'f0\</w:t>
      </w:r>
      <w:r w:rsidRPr="005A1F79">
        <w:rPr>
          <w:rFonts w:ascii="Courier New" w:hAnsi="Courier New" w:cs="Courier New"/>
        </w:rPr>
        <w:t xml:space="preserve">'ee\'e3\'f0\'e0\'ec\'ec\'ee\'e9 1764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lang1049\langfe1033\langfenp1033\insrsid669575\charrsid13642871 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5. \'ef\'ee\'eb\'f3\'f7\'e5\'ed\'e8\'e5 \'c1\'e0\'ed\'ea\'ee\'ec \'ee\'f2 \'cc\'e8\'ed\'fd\'ea\'ee\'ed\</w:t>
      </w:r>
      <w:r w:rsidRPr="005A1F79">
        <w:rPr>
          <w:rFonts w:ascii="Courier New" w:hAnsi="Courier New" w:cs="Courier New"/>
        </w:rPr>
        <w:t xml:space="preserve">'ee\'ec\'f0\'e0\'e7\'e2\'e8\'f2\'e8\'ff \'d0\'ee\'f1\'f1\'e8\'e8 \'f3\'e2\'e5\'e4\'ee\'ec\'eb\'e5\'ed\'e8\'ff \'ee\'e1 \'ee\'f2\'ea\'e0\'e7\'e5 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5\'e4\'ee\'f1\'f2\'e0\'e2\'eb\'e5\'ed\'e8\'e8 \'d1\'f3\'e1\'f1\'e8\'e4\'e8\'e8 }{\rtlch\fcs1 \</w:t>
      </w:r>
      <w:r w:rsidRPr="005A1F79">
        <w:rPr>
          <w:rFonts w:ascii="Courier New" w:hAnsi="Courier New" w:cs="Courier New"/>
        </w:rPr>
        <w:t>af0\afs22 \ltrch\fcs0 \fs22\lang1049\langfe1033\cgrid0\langfenp1033\insrsid669575\charrsid13642871 \'e8/\'e8\'eb\'e8 \'ed\'e5\'ef\'ee\'eb\'f3\'f7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8\'e5 \'c1\'e0\'ed\'ea\'ee\'ec \'f1\'f3\'e1\'f1\'e8\'e4\'e8\'e9 \'e2\'ee\'e7\'ec\'e5\'f9\'e5\'ed\'</w:t>
      </w:r>
      <w:r w:rsidRPr="005A1F79">
        <w:rPr>
          <w:rFonts w:ascii="Courier New" w:hAnsi="Courier New" w:cs="Courier New"/>
        </w:rPr>
        <w:t>e8\'ff \'ed\'e5\'e4\'ee\'ef\'ee\'eb\'f3\'f7\'e5\'ed\'ed\'fb\'f5 \'c1\'e0\'ed\'ea\'ee\'ec \'e4\'ee\'f5\'ee\'e4\'ee\'e2 \'ef\'ee \'ea\'f0\'e5\'e4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d\'ee\'ec\'f3 \'f1\'ee\'e3\'eb\'e0\'f8\'e5\'ed\'e8\'fe \'f1 }{\rtlch\fcs1 \af0\afs22 \ltrch\fcs0 \fs</w:t>
      </w:r>
      <w:r w:rsidRPr="005A1F79">
        <w:rPr>
          <w:rFonts w:ascii="Courier New" w:hAnsi="Courier New" w:cs="Courier New"/>
        </w:rPr>
        <w:t>22\lang1049\langfe1033\langfenp1033\insrsid669575\charrsid13642871 \'e7\'e0\'e5\'ec\'f9\'e8\'ea\'ee\'ec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s22\lang1049\langfe1033\cgrid0\langfenp1033\insrsid669575\charrsid13642871 6. \'ed\'e0\'f1\'f2\'f3\'ef\'eb</w:t>
      </w:r>
      <w:r w:rsidRPr="005A1F79">
        <w:rPr>
          <w:rFonts w:ascii="Courier New" w:hAnsi="Courier New" w:cs="Courier New"/>
        </w:rPr>
        <w:t>\'e5\'ed\'e8\'e5 \'e8\'ed\'fb\'f5 \'ee\'e1\'f1\'f2\'ee\'ff\'f2\'e5\'eb\'fc\'f1\'f2\'e2, \'e2\'eb\'e5\'ea\'f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9\'e8\'f5 \'ef\'f0\'e5\'ea\'f0\'e0\'f9\'e5\'ed\'e8\'e5 \'f1\'f3\'e1\'f1\'e8\'e4\'e8\'f0\'ee\'e2\'e0\'ed\'e8\'ff \'ef\'ee \'ca\'f0\'e5\'e4\'e8\'</w:t>
      </w:r>
      <w:r w:rsidRPr="005A1F79">
        <w:rPr>
          <w:rFonts w:ascii="Courier New" w:hAnsi="Courier New" w:cs="Courier New"/>
        </w:rPr>
        <w:t>f2\'ed\'ee\'ec\'f3 \'f1\'ee\'e3\'eb\'e0\'f8\'e5\'ed\'e8\'fe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7. \'e8\'ed\'fb\'f5 \'f1\'eb\'f3\'f7\'e0\'ff\'f5, \'ef\'f0\'e5\'e4\'f3\'f1\'ec\'ee\'f2\'f0\'e5\'ed\'ed\'fb\'f5 \'ca\'f0\'e5\'e4\'e8\'f2\'ed\'fb\'ec \'f1\'ee\'e3\'eb\'e0\'f8\'e5\'ed\'e8\'e5\</w:t>
      </w:r>
      <w:r w:rsidRPr="005A1F79">
        <w:rPr>
          <w:rFonts w:ascii="Courier New" w:hAnsi="Courier New" w:cs="Courier New"/>
        </w:rPr>
        <w:t>'ec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sa120\widctlpar\wrapdefault\aspalpha\aspnum\faauto\adjustright\rin0\lin0\itap0\pararsid669575 {\rtlch\fcs1 \af0\afs22 \ltrch\fcs0 \fs22\insrsid669575\charrsid13642871 \'cf\'f0\'e8 \'f3\'e2\'e5\'eb\'e8\'f7\'e5\'ed</w:t>
      </w:r>
      <w:r w:rsidRPr="005A1F79">
        <w:rPr>
          <w:rFonts w:ascii="Courier New" w:hAnsi="Courier New" w:cs="Courier New"/>
        </w:rPr>
        <w:t xml:space="preserve">\'e8\'e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c1\'e0\'ed\'ea\'ee\'ec \'f0\'e0\'e7\'ec\'e5\'f0\'e0 \'ef\'f0\'ee\'f6\'e5\'ed\'f2\'ed\'ee\'e9 \'f1\'f2\'e0\'e2\'ea\'e8 \'e2 \'ee\'e4\'ed\'ee\'f1\'f2\'ee\'f0\'ee\'ed\'ed\'e5\'ec \'ef\'ee\'f0\'ff\'e4\'ea\'e5 \'e2 \'f1\'ee\'ee\'f2\'e2\'e5\'f2\'f1\</w:t>
      </w:r>
      <w:r w:rsidRPr="005A1F79">
        <w:rPr>
          <w:rFonts w:ascii="Courier New" w:hAnsi="Courier New" w:cs="Courier New"/>
        </w:rPr>
        <w:t>'f2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e8 \'f1 \'ca\'f0\'e5\'e4\'e8\'f2\'ed\'fb\'ec \'f1\'ee\'e3\'eb\'e0\'f8\'e5\'ed\'e8\'e5\'ec \'ca\'f0\'e5\'e4\'e8\'f2\'ee\'f0 \'ed\'e0\'ef\'f0\'e0\'e2\'eb\'ff\'e5\'f2 \'c7\'e0\'e5\'ec\'f9\'e8\'ea\'f3 \'ef\'e8\'f1\'fc\'ec\'e5\'ed\'ed\'ee\'e5 \'f</w:t>
      </w:r>
      <w:r w:rsidRPr="005A1F79">
        <w:rPr>
          <w:rFonts w:ascii="Courier New" w:hAnsi="Courier New" w:cs="Courier New"/>
        </w:rPr>
        <w:t>3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4\'ee\'ec\'eb\'e5\'ed\'e8\'e5 (\'e2 \'ef\'f0\'ee\'e8\'e7\'e2\'ee\'eb\'fc\'ed\'ee\'e9 \'f4\'ee\'f0\'ec\'e5) \'ee\'e1 \'f3\'e2\'e5\'eb\'e8\'f7\'e5\'ed\'e8\'e8 \'ef\'f0\'ee\'f6\'e5\'ed\'f2\'ed\'ee\'e9 \'f1\'f2\'e0\'e2\'ea\'e8 \'f1 \'ed\'e0\'f0\'</w:t>
      </w:r>
      <w:r w:rsidRPr="005A1F79">
        <w:rPr>
          <w:rFonts w:ascii="Courier New" w:hAnsi="Courier New" w:cs="Courier New"/>
        </w:rPr>
        <w:t>ee\'f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fb\'ec \'e8\'eb\'e8 \'e7\'e0\'ea\'e0\'e7\'ed\'fb\'ec \'ef\'ee\'f7\'f2\'ee\'e2\'fb\'ec \'ee\'f2\'ef\'f0\'e0\'e2\'eb\'e5\'ed\'e8\'e5\'ec \'f1 \'ee\'ef\'e8\'f1\'fc\'fe \'e2\'eb\'ee\'e6\'e5\'ed\'e8\'ff \'e8\~\'f3\'e2\'e5\'e4\'ee\'ec\'eb\'e5\'ed\'</w:t>
      </w:r>
      <w:r w:rsidRPr="005A1F79">
        <w:rPr>
          <w:rFonts w:ascii="Courier New" w:hAnsi="Courier New" w:cs="Courier New"/>
        </w:rPr>
        <w:t>e8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 \'ee \'e2\'f0\'f3\'f7\'e5\'ed\'e8\'e8, \'e8\'eb\'e8 \'f1 \'e8\'f1\'ef\'ee\'eb\'fc\'e7\'ee\'e2\'e0\'ed\'e8\'e5\'ec \'d1\'e8\'f1\'f2\'e5\'ec\'fb \'c4\'e8\'f1\'f2\'e0\'ed\'f6\'e8\'ee\'ed\'ed\'ee\'e3\'ee \'e1\'e0\'ed\'ea\'ee\'e2\'f1\'ea\'ee\'e3\'e</w:t>
      </w:r>
      <w:r w:rsidRPr="005A1F79">
        <w:rPr>
          <w:rFonts w:ascii="Courier New" w:hAnsi="Courier New" w:cs="Courier New"/>
        </w:rPr>
        <w:t>e 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1\'f1\'eb\'f3\'e6\'e8\'e2\'e0\'ed\'e8\'ff. \'cd\'ee\'e2\'e0\'ff \'ef\'f0\'ee\'f6\'e5\'ed\'f2\'ed\'e0\'ff \'f1\'f2\'e0\'e2\'ea\'e0 \'ed\'e0\'f7\'e8\'ed\'e0\'e5\'f2 \'e4\'e5\'e9\'f1\'f2\'e2\'ee\'e2\'e0\'f2\'fc \'f1 1 (\'cf\'e5\'f0\'e2\'ee\'e3\'ee)</w:t>
      </w:r>
      <w:r w:rsidRPr="005A1F79">
        <w:rPr>
          <w:rFonts w:ascii="Courier New" w:hAnsi="Courier New" w:cs="Courier New"/>
        </w:rPr>
        <w:t xml:space="preserve"> \'f7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1\'eb\'e0 \'ec\'e5\'f1\'ff\'f6\'e0, \'f1\'eb\'e5\'e4\'f3\'fe\'f9\'e5\'e3\'ee \'e7\'e0 \'ec\'e5\'f1\'ff\'f6\'e5\'ec, \'e2 \'ea\'ee\'f2\'ee\'f0\'ee\'ec \'c7\'e0\'e5\'ec\'f9\'e8\'ea\'f3 \'e1\'fb\'eb\'ee \'ed\'e0\'ef\'f0\'e0\'e2\'eb\'e5\'ed\'ee \</w:t>
      </w:r>
      <w:r w:rsidRPr="005A1F79">
        <w:rPr>
          <w:rFonts w:ascii="Courier New" w:hAnsi="Courier New" w:cs="Courier New"/>
        </w:rPr>
        <w:t>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1\'fc\'ec\'e5\'ed\'ed\'ee\'e5 \'f3\'e2\'e5\'e4\'ee\'ec\'eb\'e5\'ed\'e8\'e5 \'ee\'e1 \'f3\'e2\'e5\'eb\'e8\'f7\'e5\'ed\'e8\'e8 \'ef\'f0\'ee\'f6\'e5\'ed\'f2\'ed\'ee\'e9 \'f1\'f2\'e0\'e2\'ea\'e8.\~ \'d3\'ea\'e0\'e7\'e0\'ed\'ed\'ee\'e5 \'f3\'e2\'e5\</w:t>
      </w:r>
      <w:r w:rsidRPr="005A1F79">
        <w:rPr>
          <w:rFonts w:ascii="Courier New" w:hAnsi="Courier New" w:cs="Courier New"/>
        </w:rPr>
        <w:t>'e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c\'eb\'e5\'ed\'e8\'e5 \'f1\'f7\'e8\'f2\'e0\'e5\'f2\'f1\'ff \'ed\'e0\'ef\'f0\'e0\'e2\'eb\'e5\'ed\'ed\'fb\'ec \'e2 \'ec\'ee\'ec\'e5\'ed\'f2 \'e2\'f0\'f3\'f7\'e5\'ed\'e8\'ff \'c7\'e0\'e5\'ec\'f9\'e8\'ea\'f3, \'e5\'f1\'eb\'e8 \'ee\'ed\'ee \'ed\'e0\</w:t>
      </w:r>
      <w:r w:rsidRPr="005A1F79">
        <w:rPr>
          <w:rFonts w:ascii="Courier New" w:hAnsi="Courier New" w:cs="Courier New"/>
        </w:rPr>
        <w:t>'e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0\'e2\'eb\'e5\'ed\'ee \'f1 \'ed\'e0\'f0\'ee\'f7\'ed\'fb\'ec, \'e8\'eb\'e8 \'e2 \'ec\'ee\'ec\'e5\'ed\'f2 \'f1\'e4\'e0\'f7\'e8 \'e5\'e3\'ee \'e2 \'ee\'f0\'e3\'e0\'ed\'e8\'e7\'e0\'f6\'e8\'fe \'f1\'e2\'ff\'e7\'e8, \'e5\'f1\'eb\'e8 \'ee\'ed\'ee \'ed</w:t>
      </w:r>
      <w:r w:rsidRPr="005A1F79">
        <w:rPr>
          <w:rFonts w:ascii="Courier New" w:hAnsi="Courier New" w:cs="Courier New"/>
        </w:rPr>
        <w:t>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f0\'e0\'e2\'eb\'e5\'ed\'ee \'c7\'e0\'e5\'ec\'f9\'e8\'ea\'f3 \'e7\'e0\'ea\'e0\'e7\'ed\'fb\'ec \'ef\'ee\'f7\'f2\'ee\'e2\'fb\'ec \'ee\'f2\'ef\'f0\'e0\'e2\'eb\'e5\'ed\'e8\'e5\'ec \'f1 \'ee\'ef\'e8\'f1\'fc\'fe \'e2\'eb\'ee\'e6\'e5\'ed\'e8\'ff \'e8 \</w:t>
      </w:r>
      <w:r w:rsidRPr="005A1F79">
        <w:rPr>
          <w:rFonts w:ascii="Courier New" w:hAnsi="Courier New" w:cs="Courier New"/>
        </w:rPr>
        <w:t>'f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5\'e4\'ee\'ec\'eb\'e5\'ed\'e8\'e5\'ec \'ee \'e2\'f0\'f3\'f7\'e5\'ed\'e8\'e8, \'e8\'eb\'e8 \'e2 \'ec\'ee\'ec\'e5\'ed\'f2 \'ef\'e5\'f0\'e5\'e4\'e0\'f7\'e8 \'f1\'ee\'ee\'e1\'f9\'e5\'ed\'e8\'ff \'ef\'ee \'d1\'e8\'f1\'f2\'e5\'ec\'e5 \'c4\'e8\'f1\'f2</w:t>
      </w:r>
      <w:r w:rsidRPr="005A1F79">
        <w:rPr>
          <w:rFonts w:ascii="Courier New" w:hAnsi="Courier New" w:cs="Courier New"/>
        </w:rPr>
        <w:t>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f6\'e8\'ee\'ed\'ed\'ee\'e3\'ee \'e1\'e0\'ed\'ea\'ee\'e2\'f1\'ea\'ee\'e3\'ee \'ee\'e1\'f1\'eb\'f3\'e6\'e8\'e2\'e0\'ed\'e8\'ff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widctlpar\wrapdefault\aspalpha\aspnum\faauto\adjustright\rin0\lin0\itap0\parars</w:t>
      </w:r>
      <w:r w:rsidRPr="005A1F79">
        <w:rPr>
          <w:rFonts w:ascii="Courier New" w:hAnsi="Courier New" w:cs="Courier New"/>
        </w:rPr>
        <w:t>id669575 {\rtlch\fcs1 \af0\afs22 \ltrch\fcs0 \fs22\insrsid669575\charrsid13642871 \'c2 \'f1\'eb\'f3\'f7\'e0\'e5 \'ed\'e0\'ef\'f0\'e0\'e2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d\'e8\'ff \'ca\'f0\'e5\'e4\'e8\'f2\'ee\'f0\'ee\'ec \'f3\'e2\'e5\'e4\'ee\'ec\'eb\'e5\'ed\'e8\'ff \'ee\'e1 \'</w:t>
      </w:r>
      <w:r w:rsidRPr="005A1F79">
        <w:rPr>
          <w:rFonts w:ascii="Courier New" w:hAnsi="Courier New" w:cs="Courier New"/>
        </w:rPr>
        <w:t>f3\'e2\'e5\'eb\'e8\'f7\'e5\'ed\'e8\'e8 \'ef\'f0\'ee\'f6\'e5\'ed\'f2\'ed\'ee\'e9 \'f1\'f2\'e0\'e2\'ea\'e8 \'ef\'ee \'ee\'f1\'ed\'ee\'e2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d\'e8\'ff\'ec, \'ef\'f0\'e5\'e4\'f3\'f1\'ec\'ee\'f2\'f0\'e5\'ed\'ed\'fb\'ec \'ed\'e0\'f1\'f2\'ee\'ff\'f9\'e8\'ec </w:t>
      </w:r>
      <w:r w:rsidRPr="005A1F79">
        <w:rPr>
          <w:rFonts w:ascii="Courier New" w:hAnsi="Courier New" w:cs="Courier New"/>
        </w:rPr>
        <w:t>\'ef\'f3\'ed\'ea\'f2\'ee\'ec, \'c7\'e0\'e5\'ec\'f9\'e8\'ea \'e4\'ee \'ed\'e0\'f1\'f2\'f3\'ef\'eb\'e5\'ed\'e8\'ff \'e4\'e0\'f2\'fb \'ed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7\'e0\'eb\'e0 \'e4\'e5\'e9\'f1\'f2\'e2\'e8\'ff \'ed\'ee\'e2\'ee\'e9 \'ef\'f0\'ee\'f6\'e5\'ed\'f2\'ed\'ee\'e9 \'f1</w:t>
      </w:r>
      <w:r w:rsidRPr="005A1F79">
        <w:rPr>
          <w:rFonts w:ascii="Courier New" w:hAnsi="Courier New" w:cs="Courier New"/>
        </w:rPr>
        <w:t xml:space="preserve">\'f2\'e0\'e2\'ea\'e8 \'e2\'ef\'f0\'e0\'e2\'e5 \'e4\'ee\'f1\'f0\'ee\'f7\'ed\'ee \'ef\'ee\'e3\'e0\'f1\'e8\'f2\'fc \'ea\'f0\'e5\'e4\'e8\'f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1\'e5\'e7 \'f1\'ee\'e3\'eb\'e0\'f1\'ee\'e2\'e0\'ed\'e8\'ff \'f1 \'ca\'f0\'e5\'e4\'e8\'f2\'ee\'f0\'ee\'ec \'e8 \'e1</w:t>
      </w:r>
      <w:r w:rsidRPr="005A1F79">
        <w:rPr>
          <w:rFonts w:ascii="Courier New" w:hAnsi="Courier New" w:cs="Courier New"/>
        </w:rPr>
        <w:t>\'e5\'e7 \'f3\'ef\'eb\'e0\'f2\'fb \'ea\'ee\'ec\'e8\'f1\'f1\'e8\'e8 \'e7\'e0 \'e4\'ee\'f1\'f0\'ee\'f7\'ed\'ee\'e5 \'ef\'ee\'e3\'e0\'f8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8\'e5 \'e8\'eb\'e8 \'e8\'ed\'fb\'f5 \'e4\'ee\'ef\'ee\'eb\'ed\'e8\'f2\'e5\'eb\'fc\'ed\'fb\'f5 \'ef\'eb\'e0\'f2\</w:t>
      </w:r>
      <w:r w:rsidRPr="005A1F79">
        <w:rPr>
          <w:rFonts w:ascii="Courier New" w:hAnsi="Courier New" w:cs="Courier New"/>
        </w:rPr>
        <w:t>'e5\'e6\'e5\'e9, \'f1\'e2\'ff\'e7\'e0\'ed\'ed\'fb\'f5 \'f1 \'e4\'ee\'f1\'f0\'ee\'f7\'ed\'fb\'ec \'ef\'ee\'e3\'e0\'f8\'e5\'ed\'e8\'e5\'ec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{\listtext\pard\plain\ltrpar \rtlch\fcs1 \af0\afs22 \ltrch\fcs0 \f3\fs22\insrsid669575\charrsid13642871 \loch\</w:t>
      </w:r>
      <w:r w:rsidRPr="005A1F79">
        <w:rPr>
          <w:rFonts w:ascii="Courier New" w:hAnsi="Courier New" w:cs="Courier New"/>
        </w:rPr>
        <w:t>af3\dbch\af0\hich\f3 \'b7\tab}}\pard \ltrpar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qj \fi426\li0\ri0\widctlpar\wrapdefault\aspalpha\aspnum\faauto\ls46\adjustright\rin0\lin0\itap0\pararsid669575\contextualspace {\rtlch\fcs1 \af0\afs22 \ltrch\fcs0 \fs22\insrsid669575\charrsid13642871 \'ca\'f0\</w:t>
      </w:r>
      <w:r w:rsidRPr="005A1F79">
        <w:rPr>
          <w:rFonts w:ascii="Courier New" w:hAnsi="Courier New" w:cs="Courier New"/>
        </w:rPr>
        <w:t>'e5\'e4\'e8\'f2\'ee\'f0 \'e2\'ef\'f0\'e0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2 \'ee\'e4\'ed\'ee\'f1\'f2\'ee\'f0\'ee\'ed\'ed\'e5\'ec \'ef\'ee\'f0\'ff\'e4\'ea\'e5 \'f3\'e2\'e5\'eb\'e8\'f7\'e8\'f2\'fc \'f0\'e0\'e7\'ec\'e5\'f0 \'ef\'f0\'ee\'f6\'e5\'ed\'f2\'ed\'ee\'e9 \'f1\'f2\'e0\'e</w:t>
      </w:r>
      <w:r w:rsidRPr="005A1F79">
        <w:rPr>
          <w:rFonts w:ascii="Courier New" w:hAnsi="Courier New" w:cs="Courier New"/>
        </w:rPr>
        <w:t>2\'ea\'e8 \'ef\'ee \'ca\'f0\'e5\'e4\'e8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3 \'e2 \'f1\'eb\'f3\'f7\'e0\'e5 \'f3\'e2\'e5\'eb\'e8\'f7\'e5\'ed\'e8\'ff \'f1\'eb\'e5\'e4\'f3\'fe\'f9\'e8\'f5 \'ef\'f0\'ee\'f6\'e5\'ed\'f2\'ed\'fb\'f5 \'e8\'ed\'e4\'e8\'ea\'e0\'f2\'ee\'f0\'ee\'e2: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</w:t>
      </w:r>
      <w:r w:rsidRPr="005A1F79">
        <w:rPr>
          <w:rFonts w:ascii="Courier New" w:hAnsi="Courier New" w:cs="Courier New"/>
        </w:rPr>
        <w:t>}\pard \ltrpar\qj \fi426\li0\ri0\widctlpar\wrapdefault\aspalpha\aspnum\faauto\adjustright\rin0\lin0\itap0\pararsid669575 {\rtlch\fcs1 \af0\afs22 \ltrch\fcs0 \fs22\insrsid669575\charrsid13642871          \'e0) \'ea\'eb\'fe\'f7\'e5\'e2\'ee\'e9 \'f1\'f2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a\'e8 \'c1\'e0\'ed\'ea\'e0 \'d0\'ee\'f1\'f1\'e8\'e8, \'ef\'f3\'e1\'eb\'e8\'ea\'f3\'e5\'ec\'ee\'e9 \'ed\'e0 \'ee\'f4\'e8\'f6\'e8\'e0\'eb\'fc\'ed\'ee\'ec \'f1\'e0\'e9\'f2\'e5 \'c1\'e0\'ed\'ea\'e0 \'d0\'ee\'f1\'f1\'e8\'e8 \'e2 \'f1\'e5\'f2\'e8 \'c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</w:t>
      </w:r>
      <w:r w:rsidRPr="005A1F79">
        <w:rPr>
          <w:rFonts w:ascii="Courier New" w:hAnsi="Courier New" w:cs="Courier New"/>
        </w:rPr>
        <w:t xml:space="preserve">ed\'f2\'e5\'f0\'ed\'e5\'f2 (www.cbr.ru) \'e8/\'e8\'eb\'e8 \'e2 \'f1\'e8\'f1\'f2\'e5\'ec\'e5 Bloomberg (\'ea\'ee\'e4 \'e8\'ed\'f1\'f2\'f0\'f3\'ec\'e5\'ed\'f2\'e0 RREFKEYR Index) \'e8/\'e8\'eb\'e8 \'e2 \'f1\'e8\'f1\'f2\'e5\'ec\'e5 Reuters (\'ea\'ee\'e4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</w:t>
      </w:r>
      <w:r w:rsidRPr="005A1F79">
        <w:rPr>
          <w:rFonts w:ascii="Courier New" w:hAnsi="Courier New" w:cs="Courier New"/>
        </w:rPr>
        <w:t xml:space="preserve">8\'ed\'f1\'f2\'f0\'f3\'ec\'e5\'ed\'f2\'e0 RUKEYRATE=CBRF) \'e8/\'e8\'eb\'e8 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\'e1) \'f1\'f0\'e5\'e4\'ed\'e5\'e0\'f0\'e8\'f4\'ec\'e5\'f2\'e8\'f7\'e5\'f1\'ea\'ee\'e3\'ee \'e7\'ed\'e0\'f7\'e5\'ed\'e8\'ff \'e7\'e0 \'ea\'e0\'eb\'e5\'ed\'e4\'</w:t>
      </w:r>
      <w:r w:rsidRPr="005A1F79">
        <w:rPr>
          <w:rFonts w:ascii="Courier New" w:hAnsi="Courier New" w:cs="Courier New"/>
        </w:rPr>
        <w:t>e0\'f0\'ed\'fb\'e9 \'ec\'e5\'f1\'ff\'f6 \'f1\'f2\'e0\'e2\'ea\'e8 \'e1\'e5\'f1\'ea\'f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f\'ee\'ed\'ed\'ee\'e9 \'e4\'ee\'f5\'ee\'e4\'ed\'ee\'f1\'f2\'e8 \'ce\'d4\'c7 \'f1\'ee \'f1\'f0\'ee\'ea\'ee\'ec \'e4\'ee \'ef\'ee\'e3\'e0\'f8\'e5\'ed\'e8\'ff 3 (\'d2\'f</w:t>
      </w:r>
      <w:r w:rsidRPr="005A1F79">
        <w:rPr>
          <w:rFonts w:ascii="Courier New" w:hAnsi="Courier New" w:cs="Courier New"/>
        </w:rPr>
        <w:t>0\'e8) \'e3\'ee\'e4\'e0 \'ef\'ee \'e4\'e0\'ed\'ed\'fb\'ec, \'ef\'f3\'e1\'eb\'e8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3\'e5\'ec\'fb\'ec \'ed\'e0 \'ee\'f4\'e8\'f6\'e8\'e0\'eb\'fc\'ed\'ee\'ec \'f1\'e0\'e9\'f2\'e5 \'c1\'e0\'ed\'ea\'e0 \'d0\'ee\'f1\'f1\'e8\'e8 \'e2 \'f1\'e5\'f2\'e8 \'c8\'e</w:t>
      </w:r>
      <w:r w:rsidRPr="005A1F79">
        <w:rPr>
          <w:rFonts w:ascii="Courier New" w:hAnsi="Courier New" w:cs="Courier New"/>
        </w:rPr>
        <w:t xml:space="preserve">d\'f2\'e5\'f0\'ed\'e5\'f2 (www.cbr.ru).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\'d3\'e2\'e5\'eb\'e8\'f7\'e5\'ed\'e8\'e5 \'e2 \'ee\'e4\'ed\'ee\'f1\'f2\'ee\'f0\'ee\'ed\'ed\'e5\'ec \'ef\'ee\'f0\'ff\'e4\'ea\'e5 \'ef\'f0\'ee\'f6\'e5\'ed\'f2\'ed\'ee\'e9 \'f1\'f2\'e0\'e2\'ea\'e8 \'</w:t>
      </w:r>
      <w:r w:rsidRPr="005A1F79">
        <w:rPr>
          <w:rFonts w:ascii="Courier New" w:hAnsi="Courier New" w:cs="Courier New"/>
        </w:rPr>
        <w:t>ee\'f1\'f3\'f9\'e5\'f1\'f2\'e2\'eb\'ff\'e5\'f2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\'ed\'e0 \'e2\'e5\'eb\'e8\'f7\'e8\'ed\'f3 \'f0\'ee\'f1\'f2\'e0 \'ef\'f0\'ee\'f6\'e5\'ed\'f2\'ed\'ee\'e3\'ee \'e8\'ed\'e4\'e8\'ea\'e0\'f2\'ee\'f0\'e0. \'d0\'ee\'f1\'f2 \'ef\'f0\'ee\'f6\'e5\'ed\'f2\'ed</w:t>
      </w:r>
      <w:r w:rsidRPr="005A1F79">
        <w:rPr>
          <w:rFonts w:ascii="Courier New" w:hAnsi="Courier New" w:cs="Courier New"/>
        </w:rPr>
        <w:t>\'ee\'e3\'ee \'e8\'ed\'e4\'e8\'ea\'e0\'f2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f0\'e0\'f1\'f1\'f7\'e8\'f2\'fb\'e2\'e0\'e5\'f2\'f1\'ff \'ea\'e0\'ea \'f0\'e0\'e7\'ed\'e8\'f6\'e0 \'ec\'e5\'e6\'e4\'f3 \'e7\'ed\'e0\'f7\'e5\'ed\'e8\'ff\'ec\'e8 \'ef\'f0\'ee\'f6\'e5\'ed\'f2\'ed\'ee\'e</w:t>
      </w:r>
      <w:r w:rsidRPr="005A1F79">
        <w:rPr>
          <w:rFonts w:ascii="Courier New" w:hAnsi="Courier New" w:cs="Courier New"/>
        </w:rPr>
        <w:t xml:space="preserve">3\'ee \'e8\'ed\'e4\'e8\'ea\'e0\'f2\'ee\'f0\'e0,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4\'e5\'e9\'f1\'f2\'e2\'ee\'e2\'e0\'e2\'f8\'e8\'ec\'e8 \'e2 \'ef\'e5\'f0\'e2\'fb\'e9 \'d0\'e0\'e1\'ee\'f7\'e8\'e9 \'e4\'e5\'ed\'fc \'f2\'e5\'ea\'f3\'f9\'e5\'e3\'ee \'ec\'e5\'f1\'ff\'f6\'e0 \'e8 \'e2 \'ed\</w:t>
      </w:r>
      <w:r w:rsidRPr="005A1F79">
        <w:rPr>
          <w:rFonts w:ascii="Courier New" w:hAnsi="Courier New" w:cs="Courier New"/>
        </w:rPr>
        <w:t>'e0\'e8\'e1\'ee\'eb\'e5\'e5 \'ef\'ee\'e7\'e4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e\'fe \'e8\'e7 \'ed\'e8\'e6\'e5\'f1\'eb\'e5\'e4\'f3\'fe\'f9\'e8\'f5 \'e4\'e0\'f2: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- \'e2 \'ef\'e5\'f0\'e2\'fb\'e9 \'d0\'e0\'e1\'ee\'f7\'e8\'e9 \'e4\'e5\'ed\'fc \'ec\'e5\'f1\'ff\'f6\'e</w:t>
      </w:r>
      <w:r w:rsidRPr="005A1F79">
        <w:rPr>
          <w:rFonts w:ascii="Courier New" w:hAnsi="Courier New" w:cs="Courier New"/>
        </w:rPr>
        <w:t>0, \'f1\'eb\'e5\'e4\'f3\'fe\'f9\'e5\'e3\'ee \'e7\'e0 \'ec\'e5\'f1\'ff\'f6\'e5\'ec, \'e2 \'ea\'ee\'f2\'ee\'f0\'ee\'ec \'e1\'fb\'eb\'e0 \'f3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2\'e0\'ed\'ee\'e2\'eb\'e5\'ed\'e0 \'ef\'f0\'ee\'f6\'e5\'ed\'f2\'ed\'e0\'ff \'f1\'f2\'e0\'e2\'ea\'e0 \'ef\'ee </w:t>
      </w:r>
      <w:r w:rsidRPr="005A1F79">
        <w:rPr>
          <w:rFonts w:ascii="Courier New" w:hAnsi="Courier New" w:cs="Courier New"/>
        </w:rPr>
        <w:t xml:space="preserve">\'d1\'ee\'e3\'eb\'e0\'f8\'e5\'ed\'e8\'fe (\'e7\'e0\'ea\'eb\'fe\'f7\'e5\'ed\'ee \'d1\'ee\'e3\'eb\'e0\'f8\'e5\'ed\'e8\'e5);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- \'e2 \'ef\'e5\'f0\'e2\'fb\'e9 \'d0\'e0\'e1\'ee\'f7\'e8\'e9 \'e4\'e5\'ed\'fc \'ec\'e5\'f1\'ff\'f6\'e0, \'f1\'eb\'</w:t>
      </w:r>
      <w:r w:rsidRPr="005A1F79">
        <w:rPr>
          <w:rFonts w:ascii="Courier New" w:hAnsi="Courier New" w:cs="Courier New"/>
        </w:rPr>
        <w:t>e5\'e4\'f3\'fe\'f9\'e5\'e3\'ee \'e7\'e0 \'ec\'e5\'f1\'ff\'f6\'e5\'ec, \'e2 \'ea\'ee\'f2\'ee\'f0\'ee\'ec \'e7\'e0\'ea\'eb\'fe\'f7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 \'e4\'ee\'ef\'ee\'eb\'ed\'e8\'f2\'e5\'eb\'fc\'ed\'ee\'e5 \'f1\'ee\'e3\'eb\'e0\'f8\'e5\'ed\'e8\'e5 \'ea \'d1\'ee\'</w:t>
      </w:r>
      <w:r w:rsidRPr="005A1F79">
        <w:rPr>
          <w:rFonts w:ascii="Courier New" w:hAnsi="Courier New" w:cs="Courier New"/>
        </w:rPr>
        <w:t>e3\'eb\'e0\'f8\'e5\'ed\'e8\'fe, \'ef\'f0\'e5\'e4\'f3\'f1\'ec\'e0\'f2\'f0\'e8\'e2\'e0\'fe\'f9\'e5\'e5 \'e8\'e7\'ec\'e5\'ed\'e5\'ed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 \'ef\'f0\'ee\'f6\'e5\'ed\'f2\'ed\'ee\'e9 \'f1\'f2\'e0\'e2\'ea\'e8 \'ef\'ee \'d1\'ee\'e3\'eb\'e0\'f8\'e5\'ed\'e8\'fe;</w:t>
      </w:r>
      <w:r w:rsidRPr="005A1F79">
        <w:rPr>
          <w:rFonts w:ascii="Courier New" w:hAnsi="Courier New" w:cs="Courier New"/>
        </w:rPr>
        <w:t xml:space="preserve">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- \'e2 \'ef\'e5\'f0\'e2\'fb\'e9 \'d0\'e0\'e1\'ee\'f7\'e8\'e9 \'e4\'e5\'ed\'fc \'ec\'e5\'f1\'ff\'f6\'e0, \'e2 \'ea\'ee\'f2\'ee\'f0\'ee\'ec \'e1\'fb\'eb\'ee \'ed\'e0\'ef\'f0\'e0\'e2\'eb\'e5\'ed\'ee \'ef\'ee\'f1\'eb\'e5\'e4\'ed\'e5\'e5 \'</w:t>
      </w:r>
      <w:r w:rsidRPr="005A1F79">
        <w:rPr>
          <w:rFonts w:ascii="Courier New" w:hAnsi="Courier New" w:cs="Courier New"/>
        </w:rPr>
        <w:t>f3\'e2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4\'ee\'ec\'eb\'e5\'ed\'e8\'e5 \'ee\'e1 \'e8\'e7\'ec\'e5\'ed\'e5\'ed\'e8\'e8 \'ef\'f0\'ee\'f6\'e5\'ed\'f2\'ed\'ee\'e9 \'f1\'f2\'e0\'e2\'ea\'e8 \'ef\'ee \'d1\'ee\'e3\'eb\'e0\'f8\'e5\'ed\'e8\'fe.\tab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         \'cf\'f0\'e8 \'ee\'e4\'ed\'e</w:t>
      </w:r>
      <w:r w:rsidRPr="005A1F79">
        <w:rPr>
          <w:rFonts w:ascii="Courier New" w:hAnsi="Courier New" w:cs="Courier New"/>
        </w:rPr>
        <w:t>e\'e2\'f0\'e5\'ec\'e5\'ed\'ed\'ee\'ec \'e8\'e7\'ec\'e5\'ed\'e5\'ed\'e8\'e8 \'e4\'e2\'f3\'f5 \'ef\'f0\'ee\'f6\'e5\'ed\'f2\'ed\'fb\'f5 \'e8\'ed\'e4\'e8\'ea\'e0\'f2\'ee\'f0\'ee\'e2 \'e4\'eb\'ff \'ee\'ef\'f0\'e5\'e4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b\'e5\'ed\'e8\'ff \'ed\'ee\'e2\'ee\'</w:t>
      </w:r>
      <w:r w:rsidRPr="005A1F79">
        <w:rPr>
          <w:rFonts w:ascii="Courier New" w:hAnsi="Courier New" w:cs="Courier New"/>
        </w:rPr>
        <w:t>e9 \'ef\'f0\'ee\'f6\'e5\'ed\'f2\'ed\'ee\'e9 \'f1\'f2\'e0\'e2\'ea\'e8 \'e2 \'f0\'e0\'f1\'f7\'e5\'f2 \'ef\'f0\'e8\'ed\'e8\'ec\'e0\'fe\'f2\'f1\'ff \'e7\'ed\'e0\'f7\'e5\'ed\'e8\'ff \'e8\'ed\'e4\'e8\'ea\'e0\'f2\'ee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, \'f3\'e2\'e5\'eb\'e8\'f7\'e8\'e2\'f</w:t>
      </w:r>
      <w:r w:rsidRPr="005A1F79">
        <w:rPr>
          <w:rFonts w:ascii="Courier New" w:hAnsi="Courier New" w:cs="Courier New"/>
        </w:rPr>
        <w:t>8\'e5\'e3\'ee\'f1\'ff \'ed\'e0 \'e1\'ee\'eb\'fc\'f8\'f3\'fe \'e2\'e5\'eb\'e8\'f7\'e8\'ed\'f3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b\fs22\insrsid669575\charrsid13642871 \'cf\'ee\'f0\'ff\'e4\'ee\'ea \'f3\'ef\'eb\'e0\'f2\'fb \'ef\'f0\'ee\'f6\'e5\'ed\'</w:t>
      </w:r>
      <w:r w:rsidRPr="005A1F79">
        <w:rPr>
          <w:rFonts w:ascii="Courier New" w:hAnsi="Courier New" w:cs="Courier New"/>
        </w:rPr>
        <w:t xml:space="preserve">f2\'ee\'e2: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sb20\sa20\nowidctlpar\tx0\wrapdefault\aspalpha\aspnum\faauto\adjustright\rin0\lin0\itap0\pararsid669575 {\rtlch\fcs1 \af0\afs22 \ltrch\fcs0 \fs22\insrsid669575\charrsid13642871 \'c5\'e6\'e5\'ec\'e5\'f1\'f</w:t>
      </w:r>
      <w:r w:rsidRPr="005A1F79">
        <w:rPr>
          <w:rFonts w:ascii="Courier New" w:hAnsi="Courier New" w:cs="Courier New"/>
        </w:rPr>
        <w:t>f\'f7\'ed\'ee \'e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\'ef\'ee\'f1\'eb\'e5\'e4\'ed\'e8\'e9 \'f0\'e0\'e1\'ee\'f7\'e8\'e9 \'e4\'e5\'ed\'fc \'ec\'e5\'f1\'ff\'f6\'e0, \'ed\'e0\'f7\'e8\'f1\'eb\'e5\'ed\'ed\'fb\'e5 \'e7\'e0 \'f2\'e5\'ea\'f3\'f9\'e8\'e9 \'ea\'e0\'eb\'e5\'ed\'e4\'e0\'f0\'ed\'fb\'e</w:t>
      </w:r>
      <w:r w:rsidRPr="005A1F79">
        <w:rPr>
          <w:rFonts w:ascii="Courier New" w:hAnsi="Courier New" w:cs="Courier New"/>
        </w:rPr>
        <w:t>9 \'ec\'e5\'f1\'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6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c2 \'f1\'eb\'f3\'f7\'e0\'e5, \'e5\'f1\'eb\'e8 \'f4\'e8\'ed\'e0\'ed\'f1\'ee\'e2\'ee\'e5 \'f1\'ee\'f1\'f2\'ee\'ff\'ed\'e8\'e5 \'c7\'e0\'e5\'ec\'f9\'e8\'ea\'e0 \'ed\'e0 \'ec\'ee\'ec\'e5\'ed\'f2 \'e7\'e0\'ea\'eb\'fe\'f7\'e5\'e</w:t>
      </w:r>
      <w:r w:rsidRPr="005A1F79">
        <w:rPr>
          <w:rFonts w:ascii="Courier New" w:hAnsi="Courier New" w:cs="Courier New"/>
        </w:rPr>
        <w:t>d\'e8\'ff \'ea\'f0\'e5\'e4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d\'ee\'e9 \'f1\'e4\'e5\'eb\'ea\'e8 \'ed\'e5 \'ec\'ee\'e6\'e5\'f2 \'e1\'fb\'f2\'fc \'ee\'f6\'e5\'ed\'e5\'ed\'ee \'ea\'e0\'ea \'ab\'f5\'ee\'f0\'ee\'f8\'e5\'e5\'bb \'e4\'eb\'ff \'f6\'e5\'eb\'e5\'e9 \'f4\'ee\'f0\'ec\'e8\'</w:t>
      </w:r>
      <w:r w:rsidRPr="005A1F79">
        <w:rPr>
          <w:rFonts w:ascii="Courier New" w:hAnsi="Courier New" w:cs="Courier New"/>
        </w:rPr>
        <w:t>f0\'ee\'e2\'e0\'ed\'e8\'ff 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e7\'e5\'f0\'e2\'ee\'e2, \'c7\'e0\'e5\'ec\'f9\'e8\'ea \'e2 \'ee\'e1\'ff\'e7\'e0\'f2\'e5\'eb\'fc\'ed\'ee\'ec \'ef\'ee\'f0\'ff\'e4\'ea\'e5 \'f3\'ef\'eb\'e0\'f7\'e8\'e2\'e0\'e5\'f2 \'ef\'f0\'e5\'e4\'e2\'e0\'f0\'e8\'f2\'e5</w:t>
      </w:r>
      <w:r w:rsidRPr="005A1F79">
        <w:rPr>
          <w:rFonts w:ascii="Courier New" w:hAnsi="Courier New" w:cs="Courier New"/>
        </w:rPr>
        <w:t>\'eb\'fc\'ed\'fb\'e9 \'ef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2\'e5\'e6 \'e2 \'f1\'f7\'e5\'f2 \'f3\'ef\'eb\'e0\'f2\'fb \'ef\'f0\'ee\'f6\'e5\'ed\'f2\'ee\'e2, \'ef\'f0\'e8 \'f3\'f1\'eb\'ee\'e2\'e8\'e8 \'e2\'ed\'e5\'e4\'f0\'e5\'ed\'e8\'ff \'f3\'ea\'e0\'e7\'e0\'ed\'ed\'ee\'e3\'ee \'e</w:t>
      </w:r>
      <w:r w:rsidRPr="005A1F79">
        <w:rPr>
          <w:rFonts w:ascii="Courier New" w:hAnsi="Courier New" w:cs="Courier New"/>
        </w:rPr>
        <w:t>c\'e5\'f5\'e0\'ed\'e8\'e7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 \'ef\'ee \'ec\'e5\'f1\'f2\'f3 \'ef\'f0\'ee\'e2\'e5\'e4\'e5\'ed\'e8\'ff \'f1\'e4\'e5\'eb\'ea\'e8. \'cc\'e5\'f5\'e0\'ed\'e8\'e7\'ec \'ef\'f0\'e5\'e4\'e2\'e0\'f0\'e8\'f2\'e5\'eb\'fc\'ed\'ee\'e9 \'f3\'ef\'eb\'e0\'f2\'fb \'ef</w:t>
      </w:r>
      <w:r w:rsidRPr="005A1F79">
        <w:rPr>
          <w:rFonts w:ascii="Courier New" w:hAnsi="Courier New" w:cs="Courier New"/>
        </w:rPr>
        <w:t>\'f0\'ee\'f6\'e5\'ed\'f2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 \'ef\'f0\'e8\'ec\'e5\'ed\'ff\'e5\'f2\'f1\'ff \'e2 \'f1\'eb\'f3\'f7\'e0\'e5 \'ee\'f2\'ea\'e0\'e7\'e0 \'ee\'f2 \'e2\'e7\'e8\'ec\'e0\'ed\'e8\'ff \'ea\'ee\'ec\'e8\'f1\'f1\'e8\'e8 \'e7\'e0 \'e2\'fb\'e4\'e0\'f7\'f3 \'ea\'f0\'e5</w:t>
      </w:r>
      <w:r w:rsidRPr="005A1F79">
        <w:rPr>
          <w:rFonts w:ascii="Courier New" w:hAnsi="Courier New" w:cs="Courier New"/>
        </w:rPr>
        <w:t>\'e4\'e8\'f2\'e0/ \'ef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5\'e4\'ee\'f1\'f2\'e0\'e2\'eb\'e5\'ed\'e8\'e5 \'ea\'f0\'e5\'e4\'e8\'f2\'ed\'ee\'e9 \'eb\'e8\'ed\'e8\'e8}{\rtlch\fcs1 \ab\ai\af0\afs22 \ltrch\fcs0 \fs22\insrsid669575\charrsid13642871 .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</w:t>
      </w:r>
      <w:r w:rsidRPr="005A1F79">
        <w:rPr>
          <w:rFonts w:ascii="Courier New" w:hAnsi="Courier New" w:cs="Courier New"/>
        </w:rPr>
        <w:t xml:space="preserve">s22\insrsid669575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426\li0\ri0\widctlpar\wrapdefault\aspalpha\aspnum\faauto\adjustright\rin0\lin0\itap0\pararsid669575 {\rtlch\fcs1 \af0\afs22 \ltrch\fcs0 \fs22\lang1049\langfe1033\langfenp1033\insrsid669575\char</w:t>
      </w:r>
      <w:r w:rsidRPr="005A1F79">
        <w:rPr>
          <w:rFonts w:ascii="Courier New" w:hAnsi="Courier New" w:cs="Courier New"/>
        </w:rPr>
        <w:t>rsid13642871 \'cf\'f0\'e8 \'ee\'ef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f2\'e5 \'ef\'f0\'e5\'e4\'e2\'e0\'f0\'e8\'f2\'e5\'eb\'fc\'ed\'ee\'e3\'ee \'ef\'eb\'e0\'f2\'e5\'e6\'e0 \'e2 \'f1\'f7\'e5\'f2 \'f3\'ef\'eb\'e0\'f2\'fb \'ef\'f0\'ee\'f6\'e5\'ed\'f2\'ee\'e2 \'e2\'e7\'e8\'ec\'e0\'ed\</w:t>
      </w:r>
      <w:r w:rsidRPr="005A1F79">
        <w:rPr>
          <w:rFonts w:ascii="Courier New" w:hAnsi="Courier New" w:cs="Courier New"/>
        </w:rPr>
        <w:t>'e8\'e5 \'ea\'ee\'ec\'e8\'f1\'f1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 \'e7\'e0 \'e2\'fb\'e4\'e0\'f7\'f3 \'ea\'f0\'e5\'e4\'e8\'f2\'e0/ \'ea\'f0\'e5\'e4\'e8\'f2\'ed\'ee\'e9 \'eb\'e8\'ed\'e8\'e8 \'ed\'e5 \'f2\'f0\'e5\'e1\'f3\'e5\'f2\'f1\'ff.}{\rtlch\fcs1 \af0\afs22 \ltrch\fcs0 \fs22\in</w:t>
      </w:r>
      <w:r w:rsidRPr="005A1F79">
        <w:rPr>
          <w:rFonts w:ascii="Courier New" w:hAnsi="Courier New" w:cs="Courier New"/>
        </w:rPr>
        <w:t xml:space="preserve">srsid669575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9\li0\ri0\widctlpar\tx317\wrapdefault\aspalpha\aspnum\faauto\adjustright\rin0\lin0\itap0\pararsid669575 {\rtlch\fcs1 \ab\af0\afs22 \ltrch\fcs0 \b\fs22\expnd4\expndtw20\insrsid669575\charrsid1364287</w:t>
      </w:r>
      <w:r w:rsidRPr="005A1F79">
        <w:rPr>
          <w:rFonts w:ascii="Courier New" w:hAnsi="Courier New" w:cs="Courier New"/>
        </w:rPr>
        <w:t>1 \'cd\'e5\'f3\'f1\'f2\'ee\'e9\'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8/\'ea\'ee\'ec\'e8\'f1\'f1\'e8\'e8/ \'e2\'ee\'e7\'ed\'e0\'e3\'f0\'e0\'e6\'e4\'e5\'ed\'e8\'ff:}{\rtlch\fcs1 \af0\afs22 \ltrch\fcs0 \fs22\insrsid669575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9\li0\ri0\sb20\sa20\</w:t>
      </w:r>
      <w:r w:rsidRPr="005A1F79">
        <w:rPr>
          <w:rFonts w:ascii="Courier New" w:hAnsi="Courier New" w:cs="Courier New"/>
        </w:rPr>
        <w:t>nowidctlpar\tx252\tqc\tx4677\tqr\tx9355\wrapdefault\faauto\rin0\lin0\itap0\pararsid669575 {\rtlch\fcs1 \af0\afs22 \ltrch\fcs0 \fs22\insrsid669575\charrsid13642871 - \'ed\'e5\'f3\'f1\'f2\'ee\'e9\'ea\'e0 \'e2 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7\'ec\'e5\'f0\'e5 1% \'e3\'ee\'e4\'e</w:t>
      </w:r>
      <w:r w:rsidRPr="005A1F79">
        <w:rPr>
          <w:rFonts w:ascii="Courier New" w:hAnsi="Courier New" w:cs="Courier New"/>
        </w:rPr>
        <w:t>e\'e2\'fb\'f5 \'ee\'f2 \'f1\'f0\'e5\'e4\'ed\'e5\'e9 \'f1\'f3\'ec\'ec\'fb \'e7\'e0\'e4\'ee\'eb\'e6\'e5\'ed\'ed\'ee\'f1\'f2\'e8 \'ef\'ee \'ee\'f1\'ed\'ee\'e2\'ed\'ee\'ec\'f3 \'e4\'ee\'eb\'e3\'f3 \'ef\'ee \'f1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f2\'e2\'e5\'f2\'f1\'f2\'e2\'f3\'fe\'f9</w:t>
      </w:r>
      <w:r w:rsidRPr="005A1F79">
        <w:rPr>
          <w:rFonts w:ascii="Courier New" w:hAnsi="Courier New" w:cs="Courier New"/>
        </w:rPr>
        <w:t>\'e5\'ec\'f3 \'f1\'ee\'e3\'eb\'e0\'f8\'e5\'ed\'e8\'fe \'e7\'e0 \'ef\'e5\'f0\'e8\'ee\'e4, \'e2 \'ea\'ee\'f2\'ee\'f0\'ee\'ec \'ee\'e1\'ff\'e7\'e0\'f2\'e5\'eb\'fc\'f1\'f2\'e2\'ee \'ef\'ee \'ef\'ee\'e4\'e4\'e5\'f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6\'e0\'ed\'e8\'fe \'ea\'f0\'e5\'e4\'e8\'f2</w:t>
      </w:r>
      <w:r w:rsidRPr="005A1F79">
        <w:rPr>
          <w:rFonts w:ascii="Courier New" w:hAnsi="Courier New" w:cs="Courier New"/>
        </w:rPr>
        <w:t>\'ee\'e2\'fb\'f5 \'ee\'e1\'ee\'f0\'ee\'f2\'ee\'e2 \'e1\'fb\'eb\'ee \'ed\'e0\'f0\'f3\'f8\'e5\'ed\'ee. \'d3\'ef\'eb\'e0\'f2\'e0 \'ed\'e5\'f3\'f1\'f2\'ee\'e9\'ea\'e8 \'ef\'f0\'ee\'e8\'e7\'e2\'ee\'e4\'e8\'f2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\'e2 \'e4\'e0\'f2\'fb \'f3\'ef\'eb\'e0\'f2</w:t>
      </w:r>
      <w:r w:rsidRPr="005A1F79">
        <w:rPr>
          <w:rFonts w:ascii="Courier New" w:hAnsi="Courier New" w:cs="Courier New"/>
        </w:rPr>
        <w:t>\'fb \'ef\'f0\'ee\'f6\'e5\'ed\'f2\'ee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9\li0\ri0\sb20\sa20\widctlpar\tx260\wrapdefault\aspalpha\aspnum\faauto\adjustright\rin0\lin0\itap0\pararsid669575 {\rtlch\fcs1 \af0\afs22 \ltrch\fcs0 \fs22\insrsid669575\charrsid136428</w:t>
      </w:r>
      <w:r w:rsidRPr="005A1F79">
        <w:rPr>
          <w:rFonts w:ascii="Courier New" w:hAnsi="Courier New" w:cs="Courier New"/>
        </w:rPr>
        <w:t xml:space="preserve">71 - \'ed\'e5\'f3\'f1\'f2\'ee\'e9\'ea\'e0 \'e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0\'e7\'ec\'e5\'f0\'e5 1% \'e3\'ee\'e4\'ee\'e2\'fb\'f5 \'ee\'f2 \'f1\'f0\'e5\'e4\'ed\'e5\'e9 \'f1\'f3\'ec\'ec\'fb \'e7\'e0\'e4\'ee\'eb\'e6\'e5\'ed\'ed\'ee\'f1\'f2\'e8 \'ef\'ee \'ee\'f1\'ed\'ee\'e2\'ed\</w:t>
      </w:r>
      <w:r w:rsidRPr="005A1F79">
        <w:rPr>
          <w:rFonts w:ascii="Courier New" w:hAnsi="Courier New" w:cs="Courier New"/>
        </w:rPr>
        <w:t>'ee\'ec\'f3 \'e4\'ee\'eb\'e3\'f3 \'ef\'ee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ee\'f2\'e2\'e5\'f2\'f1\'f2\'e2\'f3\'fe\'f9\'e5\'ec\'f3 \'f1\'ee\'e3\'eb\'e0\'f8\'e5\'ed\'e8\'fe \'e7\'e0 \'ef\'e5\'f0\'e8\'ee\'e4, \'e2 \'ea\'ee\'f2\'ee\'f0\'ee\'ec \'ee\'e1\'ff\'e7\'e0\'f2\'e5\'eb\'fc\</w:t>
      </w:r>
      <w:r w:rsidRPr="005A1F79">
        <w:rPr>
          <w:rFonts w:ascii="Courier New" w:hAnsi="Courier New" w:cs="Courier New"/>
        </w:rPr>
        <w:t>'f1\'f2\'e2\'ee \'ef\'ee \'ef\'ee\'e4\'e4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0\'e6\'e0\'ed\'e8\'fe \'e4\'e5\'e1\'e5\'f2\'ee\'e2\'fb\'f5 \'ee\'e1\'ee\'f0\'ee\'f2\'ee\'e2 \'e1\'fb\'eb\'ee \'ed\'e0\'f0\'f3\'f8\'e5\'ed\'ee. \'d3\'ef\'eb\'e0\'f2\'e0 \'ed\'e5\'f3\'f1\'f2\'ee\'e9\'ea\'e8 \</w:t>
      </w:r>
      <w:r w:rsidRPr="005A1F79">
        <w:rPr>
          <w:rFonts w:ascii="Courier New" w:hAnsi="Courier New" w:cs="Courier New"/>
        </w:rPr>
        <w:t>'ef\'f0\'ee\'e8\'e7\'e2\'ee\'e4\'e8\'f2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 \'e2 \'e4\'e0\'f2\'fb \'f3\'ef\'eb\'e0\'f2\'fb \'ef\'f0\'ee\'f6\'e5\'ed\'f2\'ee\'e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9\li0\ri0\widctlpar\wrapdefault\nooverflow\faroman\rin0\lin0\itap0\pararsid669575\contextual</w:t>
      </w:r>
      <w:r w:rsidRPr="005A1F79">
        <w:rPr>
          <w:rFonts w:ascii="Courier New" w:hAnsi="Courier New" w:cs="Courier New"/>
        </w:rPr>
        <w:t>space {\rtlch\fcs1 \af0\afs22 \ltrch\fcs0 \fs22\insrsid669575\charrsid13642871 - \'c7\'e0 \'e2\'fb\'e4\'e0\'f7\'f3 \'ea\'f0\'e5\'e4\'e8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d\'ee\'e9 \'eb\'e8\'ed\'e8\'e8: 30 000 \'f0\'f3\'e1. (\'e2\'e7\'e8\'ec\'e0\'e5\'f2\'f1\'ff \'e2 \'ee\'e1\'ff\'e7</w:t>
      </w:r>
      <w:r w:rsidRPr="005A1F79">
        <w:rPr>
          <w:rFonts w:ascii="Courier New" w:hAnsi="Courier New" w:cs="Courier New"/>
        </w:rPr>
        <w:t>\'e0\'f2\'e5\'eb\'fc\'ed\'ee\'ec \'ef\'ee\'f0\'ff\'e4\'ea\'e5, \'e5\'f1\'eb\'e8 \'f4\'e8\'ed\'e0\'ed\'f1\'ee\'e2\'ee\'e5 \'f1\'ee\'f1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e\'ff\'ed\'e8\'e5 \'c7\'e0\'e5\'ec\'f9\'e8\'ea\'e0 \'ed\'e5 \'ec\'ee\'e6\'e5\'f2 \'e1\'fb\'f2\'fc \'ee\'f6\'e5\'ed</w:t>
      </w:r>
      <w:r w:rsidRPr="005A1F79">
        <w:rPr>
          <w:rFonts w:ascii="Courier New" w:hAnsi="Courier New" w:cs="Courier New"/>
        </w:rPr>
        <w:t>\'e5\'ed\'ee \'ea\'e0\'ea \'ab\'f5\'ee\'f0\'ee\'f8\'e5\'e5\'bb \'e4\'eb\'ff \'f6\'e5\'eb\'e5\'e9 \'f4\'ee\'f0\'ec\'e8\'f0\'ee\'e2\'e0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8\'ff \'f0\'e5\'e7\'e5\'f0\'e2\'ee\'e2 \'ed\'e0 \'ec\'ee\'ec\'e5\'ed\'f2 \'e7\'e0\'ea\'eb\'fe\'f7\'e5\'ed\'e8\'ff </w:t>
      </w:r>
      <w:r w:rsidRPr="005A1F79">
        <w:rPr>
          <w:rFonts w:ascii="Courier New" w:hAnsi="Courier New" w:cs="Courier New"/>
        </w:rPr>
        <w:t>\'f1\'e4\'e5\'eb\'ea\'e8). \'d3\'ef\'eb\'e0\'f7\'e8\'e2\'e0\'e5\'f2\'f1\'ff \'e4\'ee \'ef\'e5\'f0\'e2\'ee\'e3\'ee \'e8\'f1\'ef\'ee\'eb\'f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7\'ee\'e2\'e0\'ed\'e8\'ff \'f1\'f0\'e5\'e4\'f1\'f2\'e2 \'ef\'ee \'ea\'f0\'e5\'e4\'e8\'f2\'ed\'ee\'e9 \'f1\'e4\'e5</w:t>
      </w:r>
      <w:r w:rsidRPr="005A1F79">
        <w:rPr>
          <w:rFonts w:ascii="Courier New" w:hAnsi="Courier New" w:cs="Courier New"/>
        </w:rPr>
        <w:t>\'eb\'ea\'e5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9\li0\ri0\widctlpar\wrapdefault\aspalpha\aspnum\faauto\adjustright\rin0\lin0\itap0\pararsid669575 {\rtlch\fcs1 \af0\afs22 \ltrch\fcs0 \fs22\insrsid669575\charrsid13642871 - \'d8\'f2\'f0\'e0\'f4 \'e2 \'f0\'e0\'e7\'</w:t>
      </w:r>
      <w:r w:rsidRPr="005A1F79">
        <w:rPr>
          <w:rFonts w:ascii="Courier New" w:hAnsi="Courier New" w:cs="Courier New"/>
        </w:rPr>
        <w:t>ec\'e5\'f0\'e5\~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.01% \'ee\'f2 \'f1\'f3\'ec\'ec\'fb \'ee\'f1\'f2\'e0\'f2\'ea\'e0 \'ee\'f1\'ed\'ee\'e2\'ed\'ee\'e3\'ee \'e4\'ee\'eb\'e3\'e0 \'ef\'ee \'ea\'f0\'e5\'e4\'e8\'f2\'ed\'ee\'ec\'f3 \'f1\'ee\'e3\'eb\'e0\'f8\'e5\'ed\'e8\'fe \'e2 \'f1\'eb\'f3\'f7\'e</w:t>
      </w:r>
      <w:r w:rsidRPr="005A1F79">
        <w:rPr>
          <w:rFonts w:ascii="Courier New" w:hAnsi="Courier New" w:cs="Courier New"/>
        </w:rPr>
        <w:t>0\'e5 \'ed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8\'f1\'ef\'ee\'eb\'ed\'e5\'ed\'e8\'ff\\\'ed\'e5\'ed\'e0\'e4\'eb\'e5\'e6\'e0\'f9\'e5\'e3\'ee \'e8\'f1\'ef\'ee\'eb\'ed\'e5\'ed\'e8\'ff \'e7\'e0\'e5\'ec\'f9\'e8\'ea\'ee\'ec \'f4\'e8\'ed\'e0\'ed\'f1\'ee\'e2\'fb\'f5 \'ea\'ee\'e2\'e5\'ed\'e0\'</w:t>
      </w:r>
      <w:r w:rsidRPr="005A1F79">
        <w:rPr>
          <w:rFonts w:ascii="Courier New" w:hAnsi="Courier New" w:cs="Courier New"/>
        </w:rPr>
        <w:t>ed\'f2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9\li284\ri0\widctlpar\wrapdefault\faauto\rin0\lin284\itap0\pararsid669575 {\rtlch\fcs1 \af0\afs22 \ltrch\fcs0 \fs22\insrsid669575\charrsid13642871 - \'ed\'e5\'f3\'f1\'f2\'ee\'e9\'ea\'e0 \'e2 \'f0\'e0\'e7\'ec\'e5\'f0\'e5</w:t>
      </w:r>
      <w:r w:rsidRPr="005A1F79">
        <w:rPr>
          <w:rFonts w:ascii="Courier New" w:hAnsi="Courier New" w:cs="Courier New"/>
        </w:rPr>
        <w:t xml:space="preserve"> 1/365 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0\'ea\'f1\'e8\'ec\'e0\'eb\'fc\'ed\'ee\'e9 \'ef\'f0\'ee\'f6\'e5\'ed\'f2\'ed\'ee\'e9 \'f1\'f2\'e0\'e2\'ea\'e8 \'e7\'e0 \'ea\'e0\'e6\'e4\'fb\'e9 \'e4\'e5\'ed\'fc \'ef\'f0\'ee\'f1\'f0\'ee\'f7\'ea\'e8, \'ed\'e0\'f7\'e8\'f1\'eb\'ff\'e5\'ec\'e0\'f</w:t>
      </w:r>
      <w:r w:rsidRPr="005A1F79">
        <w:rPr>
          <w:rFonts w:ascii="Courier New" w:hAnsi="Courier New" w:cs="Courier New"/>
        </w:rPr>
        <w:t xml:space="preserve">f \'ed\'e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f1\'f3\'ec\'ec\'f3 \'ef\'f0\'ee\'f1\'f0\'ee\'f7\'e5\'ed\'ed\'ee\'e9 \'e7\'e0\'e4\'ee\'eb\'e6\'e5\'ed\'ed\'ee\'f1\'f2\'e8 \'ef\'ee \'ee\'f1\'ed\'ee\'e2\'ed\'ee\'ec\'f3 \'e4\'ee\'eb\'e3\'f3}{\rtlch\fcs1 \af0\afs22 \ltrch\fcs0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fs22\cf1\insrs</w:t>
      </w:r>
      <w:r w:rsidRPr="005A1F79">
        <w:rPr>
          <w:rFonts w:ascii="Courier New" w:hAnsi="Courier New" w:cs="Courier New"/>
        </w:rPr>
        <w:t xml:space="preserve">id669575\charrsid13642871 ;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s22\insrsid669575\charrsid13642871 - \'ed\'e5\'f3\'f1\'f2\'ee\'e9\'ea\'e0 \'e2 \'f0\'e0\'e7\'ec\'e5\'f0\'e5 2/365 \'ec\'e0\'ea\'f1\'e8\'ec\'e0\'eb\'fc\'ed\'ee\'e9 \'ef\'f0\'ee\'f6\'e</w:t>
      </w:r>
      <w:r w:rsidRPr="005A1F79">
        <w:rPr>
          <w:rFonts w:ascii="Courier New" w:hAnsi="Courier New" w:cs="Courier New"/>
        </w:rPr>
        <w:t>5\'ed\'f2\'ed\'ee\'e9 \'f1\'f2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a\'e8 \'e7\'e0 \'ea\'e0\'e6\'e4\'fb\'e9 \'e4\'e5\'ed\'fc \'ef\'f0\'ee\'f1\'f0\'ee\'f7\'ea\'e8, \'ed\'e0\'f7\'e8\'f1\'eb\'ff\'e5\'ec\'e0\'ff \'ed\'e0 \'f1\'f3\'ec\'ec\'f3 \'ef\'f0\'ee\'f1\'f0\'ee\'f7\'e5\'ed\'ed\'e</w:t>
      </w:r>
      <w:r w:rsidRPr="005A1F79">
        <w:rPr>
          <w:rFonts w:ascii="Courier New" w:hAnsi="Courier New" w:cs="Courier New"/>
        </w:rPr>
        <w:t>e\'e9 \'e7\'e0\'e4\'ee\'eb\'e6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'ed\'ed\'ee\'f1\'f2\'e8 \'ef\'ee \'ef\'f0\'ee\'f6\'e5\'ed\'f2\'e0\'ec/\'ea\'ee\'ec\'e8\'f1\'f1\'e8\'ff\'ec.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fi709\li0\ri0\widctlpar\wrapdefault\aspalpha\aspnum\faauto\adjustright\rin0\lin0\itap</w:t>
      </w:r>
      <w:r w:rsidRPr="005A1F79">
        <w:rPr>
          <w:rFonts w:ascii="Courier New" w:hAnsi="Courier New" w:cs="Courier New"/>
        </w:rPr>
        <w:t>0\pararsid669575 {\rtlch\fcs1 \af0\afs22 \ltrch\fcs0 \fs22\insrsid669575\charrsid13642871  - \'ed\'e5\'f3\'f1\'f2\'ee\'e9\'ea\'e0 \'e2 \'f0\'e0\'e7\'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f0\'e5 1/365 \'ec\'e0\'ea\'f1\'e8\'ec\'e0\'eb\'fc\'ed\'ee\'e9 \'ef\'f0\'ee\'f6\'e5\'ed\'f2\'ed\'e</w:t>
      </w:r>
      <w:r w:rsidRPr="005A1F79">
        <w:rPr>
          <w:rFonts w:ascii="Courier New" w:hAnsi="Courier New" w:cs="Courier New"/>
        </w:rPr>
        <w:t>e\'e9 \'f1\'f2\'e0\'e2\'ea\'e8 \'e7\'e0 \'ea\'e0\'e6\'e4\'fb\'e9 \'e4\'e5\'ed\'fc \'ef\'f0\'ee\'f1\'f0\'ee\'f7\'ea\'e8, \'ed\'e0\'f7\'e8\'f1\'eb\'ff\'e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0\'ff \'ed\'e0 \'f1\'f3\'ec\'ec\'f3 \'ef\'f0\'ee\'f1\'f0\'ee\'f7\'e5\'ed\'ed\'ee\'e9 \'e7\'e0\'</w:t>
      </w:r>
      <w:r w:rsidRPr="005A1F79">
        <w:rPr>
          <w:rFonts w:ascii="Courier New" w:hAnsi="Courier New" w:cs="Courier New"/>
        </w:rPr>
        <w:t>e4\'ee\'eb\'e6\'e5\'ed\'ed\'ee\'f1\'f2\'e8 \'ef\'ee \'ee\'f1\'ed\'ee\'e2\'ed\'ee\'ec\'f3 \'e4\'ee\'eb\'e3\'f3, \'e2 \'f1\'eb\'f3\'f7\'e0\'e5 \'ed\'e5\'e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ef\'ee\'eb\'ed\'e5\'ed\'e8\'ff \'e8\'eb\'e8 \'ed\'e5\'ed\'e0\'e4\'eb\'e5\'e6\'e0\'f9\'e5\'e3\'e</w:t>
      </w:r>
      <w:r w:rsidRPr="005A1F79">
        <w:rPr>
          <w:rFonts w:ascii="Courier New" w:hAnsi="Courier New" w:cs="Courier New"/>
        </w:rPr>
        <w:t>e \'e8\'f1\'ef\'ee\'eb\'ed\'e5\'ed\'e8\'ff \'cf\'ee\'f0\'f3\'f7\'e8\'f2\'e5\'eb\'e5\'ec \'e4\'e5\'ed\'e5\'e6\'ed\'fb\'f5 \'ee\'e1\'ff\'e7\'e0\'f2\'e5\'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c\'f1\'f2\'e2 \'ef\'ee \'c4\'ee\'e3\'ee\'e2\'ee\'f0\'f3 \'ef\'ee\'f0\'f3\'f7\'e8\'f2\'e5\'eb\'fc\'</w:t>
      </w:r>
      <w:r w:rsidRPr="005A1F79">
        <w:rPr>
          <w:rFonts w:ascii="Courier New" w:hAnsi="Courier New" w:cs="Courier New"/>
        </w:rPr>
        <w:t>f1\'f2\'e2\'e0 - \'c8\'ed\'fb\'e5 \'ea\'ee\'ec\'e8\'f1\'f1\'e8\'e8, \'ed\'e0\'e4\'e1\'e0\'e2\'ea\'e8 \'ea \'ef\'f0\'ee\'f6\'e5\'ed\'f2\'ed\'ee\'e9 \'f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0\'e2\'ea\'e5 \'e8 \'f1\'e0\'ed\'ea\'f6\'e8\'e8 (\'ed\'e5\'f3\'f1\'f2\'ee\'e9\'ea\'e8, \'f8\'f2\</w:t>
      </w:r>
      <w:r w:rsidRPr="005A1F79">
        <w:rPr>
          <w:rFonts w:ascii="Courier New" w:hAnsi="Courier New" w:cs="Courier New"/>
        </w:rPr>
        <w:t xml:space="preserve">'f0\'e0\'f4\'fb, \'ef\'e5\'ed\'e8 \'e8 \'f2.\'e4.), \'ef\'f0\'e5\'e4\'f3\'f1\'ec\'ee\'f2\'f0\'e5\'ed\'ed\'fb\'e5 \'ea\'f0\'e5\'e4\'e8\'f2\'ed\'fb\'ec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1\'ee\'e3\'eb\'e0\'f8\'e5\'ed\'e8\'e5\'ec \'e8 \'e4\'ee\'e3\'ee\'e2\'ee\'f0\'ee\'ec \'ef\'ee\'f0\'f3\</w:t>
      </w:r>
      <w:r w:rsidRPr="005A1F79">
        <w:rPr>
          <w:rFonts w:ascii="Courier New" w:hAnsi="Courier New" w:cs="Courier New"/>
        </w:rPr>
        <w:t xml:space="preserve">'f7\'e8\'f2\'e5\'eb\'fc\'f1\'f2\'e2\'e0.}{\rtlch\fcs1 \ab\af0\afs22 \ltrch\fcs0 \fs22\expnd4\expndtw20\insrsid669575\charrsid13642871    }{\rtlch\fcs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af0\afs22 \ltrch\fcs0 \fs22\insrsid669575\charrsid13642871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</w:t>
      </w:r>
      <w:r w:rsidRPr="005A1F79">
        <w:rPr>
          <w:rFonts w:ascii="Courier New" w:hAnsi="Courier New" w:cs="Courier New"/>
        </w:rPr>
        <w:t xml:space="preserve">\wrapdefault\aspalpha\aspnum\faauto\adjustright\rin0\lin0\itap0\pararsid8323676 {\rtlch\fcs1 \af0\afs22 \ltrch\fcs0 \b\fs22\cf6\insrsid8323676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s28\qj \li0\ri0\widctlpar\wrapdefault\aspalpha\aspnum\faauto\adjustright\rin0\lin0\it</w:t>
      </w:r>
      <w:r w:rsidRPr="005A1F79">
        <w:rPr>
          <w:rFonts w:ascii="Courier New" w:hAnsi="Courier New" w:cs="Courier New"/>
        </w:rPr>
        <w:t xml:space="preserve">ap0\pararsid3619701 \rtlch\fcs1 \af0\afs20\alang1025 \ltrch\fcs0 \fs24\lang1049\langfe1049\cgrid\langnp1049\langfenp1049 {\rtlch\fcs1 \ab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\b\fs22\insrsid1991179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fs22\insrsid6826470\charrs</w:t>
      </w:r>
      <w:r w:rsidRPr="005A1F79">
        <w:rPr>
          <w:rFonts w:ascii="Courier New" w:hAnsi="Courier New" w:cs="Courier New"/>
        </w:rPr>
        <w:t>id538368 \'cf\'ee\'f1\'eb\'e5 \'f0\'e0\'f1\'f1\'ec\'ee\'f2\'f0\'e5\'ed\'e8\'ff \'e2\'ee\'ef\'f0\'ee\'f1\'ee\'e2 \'ef\'ee\'e2\'e5\'f1\'f2\'ea\'e8 \'e4\'ed\'ff \'ef\'f0\'e5\'e4\'f1\'e5\'e4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2\'e5\'eb\'fc \'f1\'ee\'e1\'f0\'e0\'ed\'e8\'ff \'ee\'e1\'fa\'</w:t>
      </w:r>
      <w:r w:rsidRPr="005A1F79">
        <w:rPr>
          <w:rFonts w:ascii="Courier New" w:hAnsi="Courier New" w:cs="Courier New"/>
        </w:rPr>
        <w:t>ff\'e2\'e8\'eb \'ee \'e7\'e0\'ea\'f0\'fb\'f2\'e8\'e8 \'e2\'ed\'e5\'ee\'f7\'e5\'f0\'e5\'e4\'ed\'ee\'e3\'ee \'ee\'e1\'f9\'e5\'e3\'ee \'f1\'ee\'e1\'f0\'e0\'ed\'e8\'ff \'e0\'ea\'f6\'e8\'ee\'e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5\'f0\'ee\'e2 \'c0\'ce \'ab\'d2\'e5\'f0\'ec\'e8\'ed\'e0\'eb \'c</w:t>
      </w:r>
      <w:r w:rsidRPr="005A1F79">
        <w:rPr>
          <w:rFonts w:ascii="Courier New" w:hAnsi="Courier New" w:cs="Courier New"/>
        </w:rPr>
        <w:t>0\'f1\'f2\'e0\'f4\'fc\'e5\'e2\'e0\'bb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\plain \ltrpar\qj \li0\ri0\widctlpar\wrapdefault\aspalpha\aspnum\faauto\adjustright\rin0\lin0\itap0\pararsid15872911 \rtlch\fcs1 \af0\afs20\alang1025 \ltrch\fcs0 \fs20\lang1049\langfe1049\cgrid\langnp1049\</w:t>
      </w:r>
      <w:r w:rsidRPr="005A1F79">
        <w:rPr>
          <w:rFonts w:ascii="Courier New" w:hAnsi="Courier New" w:cs="Courier New"/>
        </w:rPr>
        <w:t xml:space="preserve">langfenp1049 {\rtlch\fcs1 \af0\afs22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trch\fcs0 \b\fs22\insrsid3619701\char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277861 {\rtlch\fcs1 \af0\afs22 \ltrch\fcs0 \fs22\in</w:t>
      </w:r>
      <w:r w:rsidRPr="005A1F79">
        <w:rPr>
          <w:rFonts w:ascii="Courier New" w:hAnsi="Courier New" w:cs="Courier New"/>
        </w:rPr>
        <w:t>srsid1277861\charrsid538368 \'d4\'f3\'ed\'ea\'f6\'e8\'e8 \'f1\'f7\'e5\'f2\'ed\'ee\'e9 \'ea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c\'e8\'f1\'f1\'e8\'e8 \'e2\'fb\'ef\'ee\'eb\'ed\'ff\'eb \'d0\'e5\'e3\'e8\'f1\'f2\'f0\'e0\'f2\'ee\'f0: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c0\'ea\'f6\'e8\'ee\'ed\'e5\'f0\'ed\'ee\'e5 \'ee\</w:t>
      </w:r>
      <w:r w:rsidRPr="005A1F79">
        <w:rPr>
          <w:rFonts w:ascii="Courier New" w:hAnsi="Courier New" w:cs="Courier New"/>
        </w:rPr>
        <w:t>'e1\'f9\'e5\'f1\'f2\'e2\'ee \'ab\'d0\'e5\'e3\'e8\'f1\'f2\'f0\'e0\'f2\'ee\'f0\'f1\'ea\'ee\'e5 \'ee\'e1\'f9\'e5\'f1\'f2\'e2\'ee \'ab\'d1\'d2\'c0\'d2\'d3\'d1\'bb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l \li0\ri0\keepn\widctlpar\wrapdefault\aspalpha\aspnum\faauto\outlinelevel</w:t>
      </w:r>
      <w:r w:rsidRPr="005A1F79">
        <w:rPr>
          <w:rFonts w:ascii="Courier New" w:hAnsi="Courier New" w:cs="Courier New"/>
        </w:rPr>
        <w:t>0\adjustright\rin0\lin0\itap0\pararsid1277861 {\rtlch\fcs1 \af0\afs22 \ltrch\fcs0 \fs22\insrsid1277861\charrsid538368 \'c0\'e4\'f0\'e5\'f1 \'ee\'e1\'f9\'e5\'f1\'f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2\'e0: \'e3. \'cc\'ee\'f1\'ea\'e2\'e0, \'f3\'eb}{\rtlch\fcs1 \ai\af0\afs22 \ltrch\fcs0 \</w:t>
      </w:r>
      <w:r w:rsidRPr="005A1F79">
        <w:rPr>
          <w:rFonts w:ascii="Courier New" w:hAnsi="Courier New" w:cs="Courier New"/>
        </w:rPr>
        <w:t>i\fs22\insrsid1277861\charrsid538368 . }{\rtlch\fcs1 \af0\afs22 \ltrch\fcs0 \fs22\insrsid1277861\charrsid538368 \'cd\'ee\'e2\'ee\'f5\'ee\'f5\'eb\'ee\'e2\'f1\'ea\'e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ff, \'e4.23, \'f1\'f2\'f0.1, \'ef\'ee\'ec.1}{\rtlch\fcs1 \ai\af0\afs22 \ltrch\fcs0 \i\fs</w:t>
      </w:r>
      <w:r w:rsidRPr="005A1F79">
        <w:rPr>
          <w:rFonts w:ascii="Courier New" w:hAnsi="Courier New" w:cs="Courier New"/>
        </w:rPr>
        <w:t xml:space="preserve">22\insrsid1277861\charrsid538368 .  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277861 {\rtlch\fcs1 \af0\afs22 \ltrch\fcs0 \fs22\insrsid1277861\charrsid538368 \'c0\'e4\'f0\'e5\'f1 \'</w:t>
      </w:r>
      <w:r w:rsidRPr="005A1F79">
        <w:rPr>
          <w:rFonts w:ascii="Courier New" w:hAnsi="Courier New" w:cs="Courier New"/>
        </w:rPr>
        <w:t>cd\'e0\'f5\'ee\'e4\'ea\'e8\'ed\'f1\'ea\'e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'e3\'ee \'f4\'e8\'eb\'e8\'e0\'eb\'e0 \'c0\'ce \'ab\'d1\'d2\'c0\'d2\'d3\'d1\'bb: \'cf\'f0\'e8\'ec\'ee\'f0\'f1\'ea\'e8\'e9 \'ea\'f0\'e0\'e9, \'e3. \'cd\'e0\'f5\'ee\'e4\'ea\'e0, \'f3\'eb. \'cf\'ee\'f0\'f2\'ee\'e2\'</w:t>
      </w:r>
      <w:r w:rsidRPr="005A1F79">
        <w:rPr>
          <w:rFonts w:ascii="Courier New" w:hAnsi="Courier New" w:cs="Courier New"/>
        </w:rPr>
        <w:t xml:space="preserve">e0\'ff, 3\'c0 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\'d3\'ef\'ee\'eb\'ed\'ee\'ec\'ee\'f7\'e5\'ed\'ed\'ee\'e5 \'eb\'e8\'f6\'ee \'d0\'e5\'e3\'e8\'f1\'f2\'f0\'e0\'f2\'ee\'f0\'e0: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\'cf\'f0\'e8\'f6 \'d1\'e2\'e5\'f2\'eb\'e0\'ed\'e0 \'c0\'ed\'e0\'f2\'ee\'eb\'fc\'e5\'e2\'ed\'e0 (\'e4\'</w:t>
      </w:r>
      <w:r w:rsidRPr="005A1F79">
        <w:rPr>
          <w:rFonts w:ascii="Courier New" w:hAnsi="Courier New" w:cs="Courier New"/>
        </w:rPr>
        <w:t xml:space="preserve">ee\'e2\'e5\'f0\'e5\'ed\'ed\'ee\'f1\'f2\'fc \'b9 66-20 \'ee\'f2 25.02.2020\'e3.).  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\pard \ltrpar\qj \li0\ri0\widctlpar\wrapdefault\aspalpha\aspnum\faauto\adjustright\rin0\lin0\itap0\pararsid10552623 {\rtlch\fcs1 \af0\afs22 \ltrch\fcs0 \b\fs22\insrs</w:t>
      </w:r>
      <w:r w:rsidRPr="005A1F79">
        <w:rPr>
          <w:rFonts w:ascii="Courier New" w:hAnsi="Courier New" w:cs="Courier New"/>
        </w:rPr>
        <w:t xml:space="preserve">id6826470\char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rtlch\fcs1 \af0\afs22 \ltrch\fcs0 \b\fs22\insrsid13459235\charrsid538368 \'cf\'f0\'e5\'e4\'f1\'e5\'e4\'e0\'f2\'e5\'eb\'fc \'f1\'ee\'e1\'f0\'e0\'ed\'e8\'ff: }{\rtlch\fcs1 \af0\afs22 \ltrch\fcs0 \b\fs22\insrsid7557897\charr</w:t>
      </w:r>
      <w:r w:rsidRPr="005A1F79">
        <w:rPr>
          <w:rFonts w:ascii="Courier New" w:hAnsi="Courier New" w:cs="Courier New"/>
        </w:rPr>
        <w:t xml:space="preserve">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                                   }{\rtlch\fcs1 \af0\afs22 \ltrch\fcs0 \b\fs22\insrsid13459235\charrsid538368 \'c3\'f0\'e0\'ed\'e0\'f2\'ee\'e2 \'c0.\'c8.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}{\rtlch\fcs1 \af0\afs22 \ltrch\fcs0 \b\fs22\insrsid7158484\char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</w:t>
      </w:r>
      <w:r w:rsidRPr="005A1F79">
        <w:rPr>
          <w:rFonts w:ascii="Courier New" w:hAnsi="Courier New" w:cs="Courier New"/>
        </w:rPr>
        <w:t xml:space="preserve">}{\rtlch\fcs1 \af0\afs22 \ltrch\fcs0 \b\fs22\insrsid13459235\charrsid538368 \'d1\'e5\'ea\'f0\'e5\'f2\'e0\'f0\'fc \'f1\'ee\'e1\'f0\'e0\'ed\'e8\'ff:       }{\rtlch\fcs1 \af0\afs22 \ltrch\fcs0 \b\fs22\insrsid7557897\char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                          </w:t>
      </w:r>
      <w:r w:rsidRPr="005A1F79">
        <w:rPr>
          <w:rFonts w:ascii="Courier New" w:hAnsi="Courier New" w:cs="Courier New"/>
        </w:rPr>
        <w:t xml:space="preserve">          }{\rtlch\fcs1 \af0\afs22 \ltrch\fcs0 \b\fs22\insrsid13459235\charrsid538368 \'d1\'e5\'eb\'e8\'e2\'e5\'f0\'f1\'f2\'ee\'e2 \'c0.\'c0.}{\rtlch\fcs1 \af0\afs22 \ltrch\fcs0 \b\fs22\cf6\insrsid13965402\charrsid538368 \tab }{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rtlch\fcs1 \af0\afs22 \lt</w:t>
      </w:r>
      <w:r w:rsidRPr="005A1F79">
        <w:rPr>
          <w:rFonts w:ascii="Courier New" w:hAnsi="Courier New" w:cs="Courier New"/>
        </w:rPr>
        <w:t xml:space="preserve">rch\fcs0 \b\fs22\cf6\insrsid397023\charrsid538368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par 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par }{\*\themedata 504b030414000600080000002100e9de0fbfff0000001c020000130000005b436f6e74656e745f54797065735d2e786d6cac91cb4ec3301045f748fc83e52d4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9cb2400825e982c78ec7a27cc0c8992416c9d8b2a755fbf</w:t>
      </w:r>
      <w:r w:rsidRPr="005A1F79">
        <w:rPr>
          <w:rFonts w:ascii="Courier New" w:hAnsi="Courier New" w:cs="Courier New"/>
        </w:rPr>
        <w:t>74cd25442a820166c2cd933f79e3be372bd1f07b5c3989ca74aaff2422b24eb1b475da5df374fd9a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5689811a183c61a50f98f4babebc2837878049899a52a57be670674cb23d8e90721f90a4d2fa3802cb35762680fd800ecd7551dc18eb899138e3c943d7e503b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b01d583deee5f99824e290b4ba3f364eac4a430883b</w:t>
      </w:r>
      <w:r w:rsidRPr="005A1F79">
        <w:rPr>
          <w:rFonts w:ascii="Courier New" w:hAnsi="Courier New" w:cs="Courier New"/>
        </w:rPr>
        <w:t>3c092d4eca8f946c916422ecab927f52ea42b89a1cd59c254f919b0e85e6535d135a8de20f20b8c12c3b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c895fcf6720192de6bf3b9e89ecdbd6596cbcdd8eb28e7c365ecc4ec1ff1460f53fe813d3cc7f5b7f020000ffff0300504b030414000600080000002100a5d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a7e7c0000000360100000b0000005f72656c732</w:t>
      </w:r>
      <w:r w:rsidRPr="005A1F79">
        <w:rPr>
          <w:rFonts w:ascii="Courier New" w:hAnsi="Courier New" w:cs="Courier New"/>
        </w:rPr>
        <w:t>f2e72656c73848fcf6ac3300c87ef85bd83d17d51d2c31825762fa590432fa37d00e1287f68221bdb1bebdb4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c7060abb0884a4eff7a93dfeae8bf9e194e720169aaa06c3e2433fcb68e1763dbf7f82c985a4a725085b787086a37bdbb55fbc50d1a33ccd311ba548b630951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f88d94fbc52ae4264d1c910d24a45db346</w:t>
      </w:r>
      <w:r w:rsidRPr="005A1F79">
        <w:rPr>
          <w:rFonts w:ascii="Courier New" w:hAnsi="Courier New" w:cs="Courier New"/>
        </w:rPr>
        <w:t>2247fa791715fd71f989e19e0364cd3f51652d73760ae8fa8c9ffb3c330cc9e4fc17faf2ce545046e37944c69e46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a1a82fe353bd90a865aad41ed0b5b8f9d6fd010000ffff0300504b0304140006000800000021006b799616830000008a0000001c0000007468656d652f746865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6d652f7468656d654d616e616765722</w:t>
      </w:r>
      <w:r w:rsidRPr="005A1F79">
        <w:rPr>
          <w:rFonts w:ascii="Courier New" w:hAnsi="Courier New" w:cs="Courier New"/>
        </w:rPr>
        <w:t>e786d6c0ccc4d0ac3201040e17da17790d93763bb284562b2cbaebbf600439c1a41c7a0d29fdbd7e5e38337cedf14d59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4b0d592c9c070d8a65cd2e88b7f07c2ca71ba8da481cc52c6ce1c715e6e97818c9b48d13df49c873517d23d59085adb5dd20d6b52bd521ef2cdd5eb9246a3d8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4757e8d3f729e245eb2b260a023</w:t>
      </w:r>
      <w:r w:rsidRPr="005A1F79">
        <w:rPr>
          <w:rFonts w:ascii="Courier New" w:hAnsi="Courier New" w:cs="Courier New"/>
        </w:rPr>
        <w:t>8fd010000ffff0300504b030414000600080000002100863ae0a7f0060000be1a0000160000007468656d652f7468656d652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7468656d65312e786d6cec59dd6e134714beafd47758edbdf1dfae7f221c64af6d682180b0a1e272628fbd436677ac9d71828590105c566a559556bd2852db9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5e546d2341d51b7887f00c6</w:t>
      </w:r>
      <w:r w:rsidRPr="005A1F79">
        <w:rPr>
          <w:rFonts w:ascii="Courier New" w:hAnsi="Courier New" w:cs="Courier New"/>
        </w:rPr>
        <w:t>9a95a2af10a3d336baf67ec49091195a28a444ad6e3ef9cf9e69cb3df99dd397bee76449d5d9c70c2e2865b3c53701d1c0fd890c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e3867bbddfcdd55c870b140f1165316eb833ccdd739befbf77166d881047d801fb986fa0861b0a31d9c8e7f90086113fc3263886ef462c8990808fc9383f4cd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1ef88d68be542854f21</w:t>
      </w:r>
      <w:r w:rsidRPr="005A1F79">
        <w:rPr>
          <w:rFonts w:ascii="Courier New" w:hAnsi="Courier New" w:cs="Courier New"/>
        </w:rPr>
        <w:t>122b1ebc42802b707df1dfc72f0f460dfb9321a9101763717fe3b142689059703039af4a477bc30faf6f9fd83fd8367074f0ef69fdf8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eb67f0ff53653bdc294a0b3ee3014d9c5d441b2e4c3d647b7d7c5bb80e455cc0170db7a07edcfce6d93cda981b517184ad66d7553f73bbb9c170a7a4e64cc6d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d9a49ee77b9566e</w:t>
      </w:r>
      <w:r w:rsidRPr="005A1F79">
        <w:rPr>
          <w:rFonts w:ascii="Courier New" w:hAnsi="Courier New" w:cs="Courier New"/>
        </w:rPr>
        <w:t>65f01a858c775aa9d4aa792f953003418c0ca532eba4fbf556fb5fd395603a59716dfed6abb5c34f09afff21ae7a62f7f0dbc02a5febd357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b71b40140dbc02a5787f0def79d552e01978054af195357cb5d06c7b5503af402125f1ce1abae057cac162b51964c4e8052bbcee7bdd6a69ee7c89826ac8aa4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4e3162b1386</w:t>
      </w:r>
      <w:r w:rsidRPr="005A1F79">
        <w:rPr>
          <w:rFonts w:ascii="Courier New" w:hAnsi="Courier New" w:cs="Courier New"/>
        </w:rPr>
        <w:t>eed45e8164bba60200d29122476c46c82476800851e204ab613e25c22e3100a718262c661b8502a740b65f82b7f3d75a522843630d2ac254f60c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d786243f870f1232110df743f0ea6a90574f7f7cf5f4b17378ffc9e1fd5f0f1f3c38bcff73eac8b0ba80e2b16ef5f2fbcffe7e74cff9ebf1372f1f7e61c7731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fffb4f1</w:t>
      </w:r>
      <w:r w:rsidRPr="005A1F79">
        <w:rPr>
          <w:rFonts w:ascii="Courier New" w:hAnsi="Courier New" w:cs="Courier New"/>
        </w:rPr>
        <w:t>ffff6ec733b1056ba0cc18b2ff7ff78b2ffe2ab4ffefce1a105de4cd0b60eef930873e732de73aeb10816a6426032c7dbc99b59f44344748b663ce62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4672168bff8e080df4e519a2c8826b6133823712901c1bf0fcf49641b8172653412c1e2f869101dc628cb658628dc245399716e6fe341edb274fa63aee1a42b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b6b</w:t>
      </w:r>
      <w:r w:rsidRPr="005A1F79">
        <w:rPr>
          <w:rFonts w:ascii="Courier New" w:hAnsi="Courier New" w:cs="Courier New"/>
        </w:rPr>
        <w:t>903141bf9ed4c27a0bdc4e63208b141f32a45b140631c63e1c8efd80ec696d5dd24c488eb1619248cb391706e12a7858835247db26d54d3d2e80289202f3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1b41c8b7119bad1b4e8b51dbaadb78d744c25d81a8857c1f53238ce7d154a0c8e6b28f22aa07fc1212a18d646f960c745c870bc8f41853e6748698739bcd950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d6ab25fd22c88b3ded5b741699c844901d9bcf4b88311dd9663b4188a2890ddb2371a8633fe03b50a2c8b9ca840dbec5cc3b447e863ca0f8c874df20d848f7e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d5e03a28ab4e695920f29b6962c9e579cc8cfaedcde808612535d0080c3d8f48fc5a715f9175ffbf957510d2175f3fb2aceab40a7a3321d63beac28a8c1f8</w:t>
      </w:r>
      <w:r w:rsidRPr="005A1F79">
        <w:rPr>
          <w:rFonts w:ascii="Courier New" w:hAnsi="Courier New" w:cs="Courier New"/>
        </w:rPr>
        <w:t>55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15ef80254372fab5bb8da6f1550cb7cb7a037b27ddefa4dbfddf4bf751f7f3db17eca546837ccbad62ba75571bf9e8d8fbf811a1b42766145fe26a2bcfa1530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bb3028fda8c75c9c3de74d42b89477364c68e0c60952364ec2c4474484bd104d60bf5f74a593319fbb1e7367c2383c06a861ab6f89a7d3688b0dd3c7d</w:t>
      </w:r>
      <w:r w:rsidRPr="005A1F79">
        <w:rPr>
          <w:rFonts w:ascii="Courier New" w:hAnsi="Courier New" w:cs="Courier New"/>
        </w:rPr>
        <w:t>962513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baa662c291588e17fc6c1c1e3d448aae54978f68997bc576ac1ead1704a4ed9b90d0263349942d24aa8b411924f5200f41b390502b7b2b2cea161635e97e91a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3516402dcb0a6ca51cd880355cdf03133082272c44f150e6294df522bb2a996f33d34705d3a800d8572c2a6099e9bae47ae4f2e4ead2523b46a60</w:t>
      </w:r>
      <w:r w:rsidRPr="005A1F79">
        <w:rPr>
          <w:rFonts w:ascii="Courier New" w:hAnsi="Courier New" w:cs="Courier New"/>
        </w:rPr>
        <w:t>d125ab9992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5464544fe3211ae27975cad1e3d078d35cd7972935e8c950a8f9a0b49634aab57f6371d25c83ddaa36d058570a1a3b7b0db752f6a1640668d27047f01a002ea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9d40e975b6044c7f0ba6d2092f4863f89b24c122eda888769c095e8a46a101181138792a8e1cae56769a0b1d210c5ad58024138b5e4ea202</w:t>
      </w:r>
      <w:r w:rsidRPr="005A1F79">
        <w:rPr>
          <w:rFonts w:ascii="Courier New" w:hAnsi="Courier New" w:cs="Courier New"/>
        </w:rPr>
        <w:t>ba78d1c24dd4c3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1e8df040e869d74664a4d38fa0f0a95658bf55e627074b4b368574f7c2e19eb34da7c9350425e6578b328043c2e16d50318de690c0ebce4cc896f5b7d298e6b2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abbf6f5435948e233a09d1bca3e8629ec295946774d4a72c06daa7f99a21a05a48e68d707b2c1bac1e54a39b665d23e57064d77dbd918</w:t>
      </w:r>
      <w:r w:rsidRPr="005A1F79">
        <w:rPr>
          <w:rFonts w:ascii="Courier New" w:hAnsi="Courier New" w:cs="Courier New"/>
        </w:rPr>
        <w:t>c9c269acb9e69a88ae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9a7615336658b48195589eacc96bac1621064dd33b7c2addab925b5f68ddca3e21eb1210f02c7e96ae7b8c86a0515b4e6650938cd765586af67cd4ec1d8b05b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86da719a84a6fa9585db95b8653dc23a1d0c9ea8f383dd6ad5c2d068b1cf5491564725fa5106dbbe05e2d18697c2532ab84a251c4</w:t>
      </w:r>
      <w:r w:rsidRPr="005A1F79">
        <w:rPr>
          <w:rFonts w:ascii="Courier New" w:hAnsi="Courier New" w:cs="Courier New"/>
        </w:rPr>
        <w:t>c240836443db5274965036e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91db627e6bc095334d48c3bd53f09b5e50f2835ca1e677725ed92be46a7eb39c6bfa7eb9d8f18b8576ab74171a8b08a3a29f1ed374e1d5149dcd0f6bd4f8da8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4db478fb7666c0a23c53e73079455c1dd8144bc6814d7a4ee3f4e5718ceb10109d3b9552b75eaeb72ab97ab9d9cd79ed562d5</w:t>
      </w:r>
      <w:r w:rsidRPr="005A1F79">
        <w:rPr>
          <w:rFonts w:ascii="Courier New" w:hAnsi="Courier New" w:cs="Courier New"/>
        </w:rPr>
        <w:t>70f2aad5cbb1254dbdd76e0d7ea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ddbbaeb3abc05eb31c78954e2d57290641ceab1424fd5a3d57f54aa5a6576dd63a5ef3ee7c1b032b4fe5631e0b08afe2b5f90f000000ffff0300504b0304140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6000800000021000dd1909fb60000001b010000270000007468656d652f7468656d652f5f72656c732f7468656d654d6</w:t>
      </w:r>
      <w:r w:rsidRPr="005A1F79">
        <w:rPr>
          <w:rFonts w:ascii="Courier New" w:hAnsi="Courier New" w:cs="Courier New"/>
        </w:rPr>
        <w:t>16e616765722e786d6c2e72656c738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8f4d0ac2301484f78277086f6fd3ba109126dd88d0add40384e4350d363f2451eced0dae2c082e8761be9969bb979dc9136332de3168aa1a083ae995719ac16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b8ec8e4052164e89d93b64b060828e6f37ed1567914b284d262452282e3198720e274a939cd08a54f980ae38a38f5</w:t>
      </w:r>
      <w:r w:rsidRPr="005A1F79">
        <w:rPr>
          <w:rFonts w:ascii="Courier New" w:hAnsi="Courier New" w:cs="Courier New"/>
        </w:rPr>
        <w:t>6e422a3a641c8bbd048f7757da0f19b017c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c524bd62107bd5001996509affb3fd381a89672f1f165dfe514173d9850528a2c6cce0239baa4c04ca5bbabac4df000000ffff0300504b01022d001400060008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000002100e9de0fbfff0000001c0200001300000000000000000000000000000000005b436f6e74656e745f5</w:t>
      </w:r>
      <w:r w:rsidRPr="005A1F79">
        <w:rPr>
          <w:rFonts w:ascii="Courier New" w:hAnsi="Courier New" w:cs="Courier New"/>
        </w:rPr>
        <w:t>4797065735d2e786d6c504b01022d001400060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80000002100a5d6a7e7c0000000360100000b00000000000000000000000000300100005f72656c732f2e72656c73504b01022d00140006000800000021006b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799616830000008a0000001c00000000000000000000000000190200007468656d652f7468656d652f746</w:t>
      </w:r>
      <w:r w:rsidRPr="005A1F79">
        <w:rPr>
          <w:rFonts w:ascii="Courier New" w:hAnsi="Courier New" w:cs="Courier New"/>
        </w:rPr>
        <w:t>8656d654d616e616765722e786d6c504b01022d0014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00600080000002100863ae0a7f0060000be1a00001600000000000000000000000000d60200007468656d652f7468656d652f7468656d65312e786d6c504b01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22d00140006000800000021000dd1909fb60000001b0100002700000000000000000000000000fa0</w:t>
      </w:r>
      <w:r w:rsidRPr="005A1F79">
        <w:rPr>
          <w:rFonts w:ascii="Courier New" w:hAnsi="Courier New" w:cs="Courier New"/>
        </w:rPr>
        <w:t>900007468656d652f7468656d652f5f72656c732f7468656d654d616e616765722e786d6c2e72656c73504b050600000000050005005d010000f50a00000000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*\colorschememapping 3c3f786d6c2076657273696f6e3d22312e302220656e636f64696e673d225554462d3822207374616e64616c6f6e653d2279657</w:t>
      </w:r>
      <w:r w:rsidRPr="005A1F79">
        <w:rPr>
          <w:rFonts w:ascii="Courier New" w:hAnsi="Courier New" w:cs="Courier New"/>
        </w:rPr>
        <w:t>3223f3e0d0a3c613a636c724d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617020786d6c6e733a613d22687474703a2f2f736368656d61732e6f70656e786d6c666f726d6174732e6f72672f64726177696e676d6c2f323030362f6d6169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6e22206267313d226c743122207478313d22646b3122206267323d226c743222207478323d22646b322220616363656e743</w:t>
      </w:r>
      <w:r w:rsidRPr="005A1F79">
        <w:rPr>
          <w:rFonts w:ascii="Courier New" w:hAnsi="Courier New" w:cs="Courier New"/>
        </w:rPr>
        <w:t>13d22616363656e74312220616363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656e74323d22616363656e74322220616363656e74333d22616363656e74332220616363656e74343d22616363656e74342220616363656e74353d22616363656e74352220616363656e74363d22616363656e74362220686c696e6b3d22686c696e6b2220666f6c486c696e6b3d22666</w:t>
      </w:r>
      <w:r w:rsidRPr="005A1F79">
        <w:rPr>
          <w:rFonts w:ascii="Courier New" w:hAnsi="Courier New" w:cs="Courier New"/>
        </w:rPr>
        <w:t>f6c486c696e6b222f3e}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{\*\latentstyles\lsdstimax371\lsdlockeddef0\lsdsemihiddendef0\lsdunhideuseddef0\lsdqformatdef0\lsdprioritydef99{\lsdlockedexcept \lsdqformat1 \lsdpriority0 Normal;\lsdqformat1 heading 1;\lsdqformat1 heading 2;\lsdqformat1 heading 3;\l</w:t>
      </w:r>
      <w:r w:rsidRPr="005A1F79">
        <w:rPr>
          <w:rFonts w:ascii="Courier New" w:hAnsi="Courier New" w:cs="Courier New"/>
        </w:rPr>
        <w:t>sdqformat1 heading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sdqformat1 heading 5;\lsdsemihidden1 \lsdunhideused1 \lsdqformat1 heading 6;\lsdsemihidden1 \lsdunhideused1 \lsdqformat1 heading 7;\lsdsemihidden1 \lsdunhideused1 \lsdqformat1 heading 8;\lsdsemihidden1 \lsdunhideused1 \lsdqformat1 </w:t>
      </w:r>
      <w:r w:rsidRPr="005A1F79">
        <w:rPr>
          <w:rFonts w:ascii="Courier New" w:hAnsi="Courier New" w:cs="Courier New"/>
        </w:rPr>
        <w:t>heading 9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index 1;\lsdsemihidden1 \lsdunhideused1 \lsdlocked0 index 2;\lsdsemihidden1 \lsdunhideused1 \lsdlocked0 index 3;\lsdsemihidden1 \lsdunhideused1 \lsdlocked0 index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</w:t>
      </w:r>
      <w:r w:rsidRPr="005A1F79">
        <w:rPr>
          <w:rFonts w:ascii="Courier New" w:hAnsi="Courier New" w:cs="Courier New"/>
        </w:rPr>
        <w:t>sdlocked0 index 5;\lsdsemihidden1 \lsdunhideused1 \lsdlocked0 index 6;\lsdsemihidden1 \lsdunhideused1 \lsdlocked0 index 7;\lsdsemihidden1 \lsdunhideused1 \lsdlocked0 index 8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index 9;\lsdpriority0 toc 1;\lsdprio</w:t>
      </w:r>
      <w:r w:rsidRPr="005A1F79">
        <w:rPr>
          <w:rFonts w:ascii="Courier New" w:hAnsi="Courier New" w:cs="Courier New"/>
        </w:rPr>
        <w:t>rity0 toc 2;\lsdpriority0 toc 3;\lsdpriority0 toc 4;\lsdpriority0 toc 5;\lsdpriority0 toc 6;\lsdpriority0 toc 7;\lsdpriority0 toc 8;\lsdpriority0 toc 9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sdsemihidden1 \lsdunhideused1 \lsdlocked0 Normal Indent;\lsdsemihidden1 \lsdunhideused1 \lsdlocked0 </w:t>
      </w:r>
      <w:r w:rsidRPr="005A1F79">
        <w:rPr>
          <w:rFonts w:ascii="Courier New" w:hAnsi="Courier New" w:cs="Courier New"/>
        </w:rPr>
        <w:t>footnote text;\lsdsemihidden1 \lsdunhideused1 \lsdpriority0 \lsdlocked0 annotation text;\lsdsemihidden1 \lsdunhideused1 \lsdlocked0 header;footer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index heading;\lsdsemihidden1 \lsdunhideused1 \lsdqformat1 \lsdp</w:t>
      </w:r>
      <w:r w:rsidRPr="005A1F79">
        <w:rPr>
          <w:rFonts w:ascii="Courier New" w:hAnsi="Courier New" w:cs="Courier New"/>
        </w:rPr>
        <w:t>riority0 caption;\lsdsemihidden1 \lsdunhideused1 \lsdlocked0 table of figures;\lsdsemihidden1 \lsdunhideused1 \lsdlocked0 envelope address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envelope return;\lsdsemihidden1 \lsdunhideused1 \lsdlocked0 footnote re</w:t>
      </w:r>
      <w:r w:rsidRPr="005A1F79">
        <w:rPr>
          <w:rFonts w:ascii="Courier New" w:hAnsi="Courier New" w:cs="Courier New"/>
        </w:rPr>
        <w:t>ference;\lsdsemihidden1 \lsdunhideused1 \lsdlocked0 annotation reference;\lsdsemihidden1 \lsdunhideused1 \lsdlocked0 line number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0 page number;\lsdsemihidden1 \lsdunhideused1 \lsdlocked0 endnote reference;\lsdsemihidden1 \lsdunhideused1 \lsdl</w:t>
      </w:r>
      <w:r w:rsidRPr="005A1F79">
        <w:rPr>
          <w:rFonts w:ascii="Courier New" w:hAnsi="Courier New" w:cs="Courier New"/>
        </w:rPr>
        <w:t>ocked0 endnote text;\lsdsemihidden1 \lsdunhideused1 \lsdlocked0 table of authorities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macro;\lsdsemihidden1 \lsdunhideused1 \lsdlocked0 toa heading;\lsdsemihidden1 \lsdunhideused1 \lsdlocked0 List;\lsdsemihidden</w:t>
      </w:r>
      <w:r w:rsidRPr="005A1F79">
        <w:rPr>
          <w:rFonts w:ascii="Courier New" w:hAnsi="Courier New" w:cs="Courier New"/>
        </w:rPr>
        <w:t>1 \lsdunhideused1 \lsdlocked0 List Bullet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List Number;\lsdsemihidden1 \lsdunhideused1 \lsdlocked0 List 2;\lsdsemihidden1 \lsdunhideused1 \lsdlocked0 List 3;\lsdsemihidden1 \lsdunhideused1 \lsdlocked0 List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</w:t>
      </w:r>
      <w:r w:rsidRPr="005A1F79">
        <w:rPr>
          <w:rFonts w:ascii="Courier New" w:hAnsi="Courier New" w:cs="Courier New"/>
        </w:rPr>
        <w:t>lsdsemihidden1 \lsdunhideused1 \lsdlocked0 List 5;\lsdsemihidden1 \lsdunhideused1 \lsdlocked0 List Bullet 2;\lsdsemihidden1 \lsdunhideused1 \lsdlocked0 List Bullet 3;\lsdsemihidden1 \lsdunhideused1 \lsdlocked0 List Bullet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</w:t>
      </w:r>
      <w:r w:rsidRPr="005A1F79">
        <w:rPr>
          <w:rFonts w:ascii="Courier New" w:hAnsi="Courier New" w:cs="Courier New"/>
        </w:rPr>
        <w:t>1 \lsdlocked0 List Bullet 5;\lsdsemihidden1 \lsdunhideused1 \lsdlocked0 List Number 2;\lsdsemihidden1 \lsdunhideused1 \lsdlocked0 List Number 3;\lsdsemihidden1 \lsdunhideused1 \lsdlocked0 List Number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List Num</w:t>
      </w:r>
      <w:r w:rsidRPr="005A1F79">
        <w:rPr>
          <w:rFonts w:ascii="Courier New" w:hAnsi="Courier New" w:cs="Courier New"/>
        </w:rPr>
        <w:t>ber 5;\lsdqformat1 \lsdpriority0 Title;\lsdsemihidden1 \lsdunhideused1 \lsdlocked0 Closing;\lsdsemihidden1 \lsdunhideused1 \lsdlocked0 Signature;\lsdpriority0 Default Paragraph Font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0 Body Text;\lsdsemihidden1 \lsdunhideused1 \lsdlocked0 Body</w:t>
      </w:r>
      <w:r w:rsidRPr="005A1F79">
        <w:rPr>
          <w:rFonts w:ascii="Courier New" w:hAnsi="Courier New" w:cs="Courier New"/>
        </w:rPr>
        <w:t xml:space="preserve"> Text Indent;\lsdsemihidden1 \lsdunhideused1 \lsdlocked0 List Continue;\lsdsemihidden1 \lsdunhideused1 \lsdlocked0 List Continue 2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List Continue 3;\lsdsemihidden1 \lsdunhideused1 \lsdlocked0 List Continue 4;\ls</w:t>
      </w:r>
      <w:r w:rsidRPr="005A1F79">
        <w:rPr>
          <w:rFonts w:ascii="Courier New" w:hAnsi="Courier New" w:cs="Courier New"/>
        </w:rPr>
        <w:t>dsemihidden1 \lsdunhideused1 \lsdlocked0 List Continue 5;\lsdsemihidden1 \lsdunhideused1 \lsdlocked0 Message Header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qformat1 \lsdpriority0 Subtitle;\lsdsemihidden1 \lsdunhideused1 \lsdlocked0 Salutation;\lsdsemihidden1 \lsdunhideused1 \lsdlocked0 Dat</w:t>
      </w:r>
      <w:r w:rsidRPr="005A1F79">
        <w:rPr>
          <w:rFonts w:ascii="Courier New" w:hAnsi="Courier New" w:cs="Courier New"/>
        </w:rPr>
        <w:t>e;\lsdsemihidden1 \lsdunhideused1 \lsdlocked0 Body Text First Indent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Body Text First Indent 2;\lsdsemihidden1 \lsdunhideused1 \lsdlocked0 Note Heading;\lsdsemihidden1 \lsdunhideused1 \lsdlocked0 Body Text 2;\ls</w:t>
      </w:r>
      <w:r w:rsidRPr="005A1F79">
        <w:rPr>
          <w:rFonts w:ascii="Courier New" w:hAnsi="Courier New" w:cs="Courier New"/>
        </w:rPr>
        <w:t>dpriority0 Body Text 3;\lsdpriority0 Body Text Indent 2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Body Text Indent 3;\lsdsemihidden1 \lsdunhideused1 \lsdlocked0 Block Text;\lsdsemihidden1 \lsdunhideused1 \lsdpriority0 \lsdlocked0 Hyperlink;\lsdsemihidd</w:t>
      </w:r>
      <w:r w:rsidRPr="005A1F79">
        <w:rPr>
          <w:rFonts w:ascii="Courier New" w:hAnsi="Courier New" w:cs="Courier New"/>
        </w:rPr>
        <w:t>en1 \lsdunhideused1 \lsdlocked0 FollowedHyperlink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qformat1 \lsdpriority0 Strong;\lsdqformat1 \lsdpriority0 Emphasis;\lsdsemihidden1 \lsdunhideused1 \lsdlocked0 Document Map;\lsdsemihidden1 \lsdunhideused1 \lsdlocked0 Plain Text;\lsdsemihidden1 \lsdun</w:t>
      </w:r>
      <w:r w:rsidRPr="005A1F79">
        <w:rPr>
          <w:rFonts w:ascii="Courier New" w:hAnsi="Courier New" w:cs="Courier New"/>
        </w:rPr>
        <w:t>hideused1 \lsdlocked0 E-mail Signature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HTML Top of Form;\lsdsemihidden1 \lsdunhideused1 \lsdlocked0 HTML Bottom of Form;\lsdsemihidden1 \lsdunhideused1 \lsdlocked0 Normal (Web);\lsdsemihidden1 \lsdunhideused1 \</w:t>
      </w:r>
      <w:r w:rsidRPr="005A1F79">
        <w:rPr>
          <w:rFonts w:ascii="Courier New" w:hAnsi="Courier New" w:cs="Courier New"/>
        </w:rPr>
        <w:t>lsdlocked0 HTML Acronym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 HTML Address;\lsdsemihidden1 \lsdunhideused1 \lsdlocked0 HTML Cite;\lsdsemihidden1 \lsdunhideused1 \lsdlocked0 HTML Code;\lsdsemihidden1 \lsdunhideused1 \lsdlocked0 HTML Definition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</w:t>
      </w:r>
      <w:r w:rsidRPr="005A1F79">
        <w:rPr>
          <w:rFonts w:ascii="Courier New" w:hAnsi="Courier New" w:cs="Courier New"/>
        </w:rPr>
        <w:t>dsemihidden1 \lsdunhideused1 \lsdlocked0 HTML Keyboard;\lsdsemihidden1 \lsdunhideused1 \lsdlocked0 HTML Preformatted;\lsdsemihidden1 \lsdunhideused1 \lsdlocked0 HTML Sample;\lsdsemihidden1 \lsdunhideused1 \lsdlocked0 HTML Typewriter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</w:t>
      </w:r>
      <w:r w:rsidRPr="005A1F79">
        <w:rPr>
          <w:rFonts w:ascii="Courier New" w:hAnsi="Courier New" w:cs="Courier New"/>
        </w:rPr>
        <w:t>nhideused1 \lsdlocked0 HTML Variable;\lsdsemihidden1 \lsdunhideused1 \lsdlocked0 annotation subject;\lsdsemihidden1 \lsdunhideused1 \lsdlocked0 No List;\lsdsemihidden1 \lsdunhideused1 \lsdlocked0 Outline List 1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locked0</w:t>
      </w:r>
      <w:r w:rsidRPr="005A1F79">
        <w:rPr>
          <w:rFonts w:ascii="Courier New" w:hAnsi="Courier New" w:cs="Courier New"/>
        </w:rPr>
        <w:t xml:space="preserve"> Outline List 2;\lsdsemihidden1 \lsdunhideused1 \lsdlocked0 Outline List 3;\lsdsemihidden1 \lsdunhideused1 \lsdlocked0 Balloon Text;\lsdpriority0 Table Grid;\lsdsemihidden1 \lsdlocked0 Placeholder Text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qformat1 \lsdpriority1 \lsdlocked0 No Spacing;\l</w:t>
      </w:r>
      <w:r w:rsidRPr="005A1F79">
        <w:rPr>
          <w:rFonts w:ascii="Courier New" w:hAnsi="Courier New" w:cs="Courier New"/>
        </w:rPr>
        <w:t>sdpriority60 \lsdlocked0 Light Shading;\lsdpriority61 \lsdlocked0 Light List;\lsdpriority62 \lsdlocked0 Light Grid;\lsdpriority63 \lsdlocked0 Medium Shading 1;\lsdpriority64 \lsdlocked0 Medium Shading 2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5 \lsdlocked0 Medium List 1;\lsdpriori</w:t>
      </w:r>
      <w:r w:rsidRPr="005A1F79">
        <w:rPr>
          <w:rFonts w:ascii="Courier New" w:hAnsi="Courier New" w:cs="Courier New"/>
        </w:rPr>
        <w:t>ty66 \lsdlocked0 Medium List 2;\lsdpriority67 \lsdlocked0 Medium Grid 1;\lsdpriority68 \lsdlocked0 Medium Grid 2;\lsdpriority69 \lsdlocked0 Medium Grid 3;\lsdpriority70 \lsdlocked0 Dark List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71 \lsdlocked0 Colorful Shading;\lsdpriority72 \lsd</w:t>
      </w:r>
      <w:r w:rsidRPr="005A1F79">
        <w:rPr>
          <w:rFonts w:ascii="Courier New" w:hAnsi="Courier New" w:cs="Courier New"/>
        </w:rPr>
        <w:t>locked0 Colorful List;\lsdpriority73 \lsdlocked0 Colorful Grid;\lsdpriority60 \lsdlocked0 Light Shading Accent 1;\lsdpriority61 \lsdlocked0 Light List Accent 1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2 \lsdlocked0 Light Grid Accent 1;\lsdpriority63 \lsdlocked0 Medium Shading 1 Acc</w:t>
      </w:r>
      <w:r w:rsidRPr="005A1F79">
        <w:rPr>
          <w:rFonts w:ascii="Courier New" w:hAnsi="Courier New" w:cs="Courier New"/>
        </w:rPr>
        <w:t>ent 1;\lsdpriority64 \lsdlocked0 Medium Shading 2 Accent 1;\lsdpriority65 \lsdlocked0 Medium List 1 Accent 1;\lsdsemihidden1 \lsdlocked0 Revision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qformat1 \lsdlocked0 List Paragraph;\lsdqformat1 \lsdpriority29 \lsdlocked0 Quote;\lsdqformat1 \lsdprior</w:t>
      </w:r>
      <w:r w:rsidRPr="005A1F79">
        <w:rPr>
          <w:rFonts w:ascii="Courier New" w:hAnsi="Courier New" w:cs="Courier New"/>
        </w:rPr>
        <w:t>ity30 \lsdlocked0 Intense Quote;\lsdpriority66 \lsdlocked0 Medium List 2 Accent 1;\lsdpriority67 \lsdlocked0 Medium Grid 1 Accent 1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8 \lsdlocked0 Medium Grid 2 Accent 1;\lsdpriority69 \lsdlocked0 Medium Grid 3 Accent 1;\lsdpriority70 \lsdloc</w:t>
      </w:r>
      <w:r w:rsidRPr="005A1F79">
        <w:rPr>
          <w:rFonts w:ascii="Courier New" w:hAnsi="Courier New" w:cs="Courier New"/>
        </w:rPr>
        <w:t>ked0 Dark List Accent 1;\lsdpriority71 \lsdlocked0 Colorful Shading Accent 1;\lsdpriority72 \lsdlocked0 Colorful List Accent 1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sdpriority73 \lsdlocked0 Colorful Grid Accent 1;\lsdpriority60 \lsdlocked0 Light Shading Accent 2;\lsdpriority61 \lsdlocked0 </w:t>
      </w:r>
      <w:r w:rsidRPr="005A1F79">
        <w:rPr>
          <w:rFonts w:ascii="Courier New" w:hAnsi="Courier New" w:cs="Courier New"/>
        </w:rPr>
        <w:t>Light List Accent 2;\lsdpriority62 \lsdlocked0 Light Grid Accent 2;\lsdpriority63 \lsdlocked0 Medium Shading 1 Accent 2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4 \lsdlocked0 Medium Shading 2 Accent 2;\lsdpriority65 \lsdlocked0 Medium List 1 Accent 2;\lsdpriority66 \lsdlocked0 Medi</w:t>
      </w:r>
      <w:r w:rsidRPr="005A1F79">
        <w:rPr>
          <w:rFonts w:ascii="Courier New" w:hAnsi="Courier New" w:cs="Courier New"/>
        </w:rPr>
        <w:t>um List 2 Accent 2;\lsdpriority67 \lsdlocked0 Medium Grid 1 Accent 2;\lsdpriority68 \lsdlocked0 Medium Grid 2 Accent 2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9 \lsdlocked0 Medium Grid 3 Accent 2;\lsdpriority70 \lsdlocked0 Dark List Accent 2;\lsdpriority71 \lsdlocked0 Colorful Sha</w:t>
      </w:r>
      <w:r w:rsidRPr="005A1F79">
        <w:rPr>
          <w:rFonts w:ascii="Courier New" w:hAnsi="Courier New" w:cs="Courier New"/>
        </w:rPr>
        <w:t>ding Accent 2;\lsdpriority72 \lsdlocked0 Colorful List Accent 2;\lsdpriority73 \lsdlocked0 Colorful Grid Accent 2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0 \lsdlocked0 Light Shading Accent 3;\lsdpriority61 \lsdlocked0 Light List Accent 3;\lsdpriority62 \lsdlocked0 Light Grid Accen</w:t>
      </w:r>
      <w:r w:rsidRPr="005A1F79">
        <w:rPr>
          <w:rFonts w:ascii="Courier New" w:hAnsi="Courier New" w:cs="Courier New"/>
        </w:rPr>
        <w:t>t 3;\lsdpriority63 \lsdlocked0 Medium Shading 1 Accent 3;\lsdpriority64 \lsdlocked0 Medium Shading 2 Accent 3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5 \lsdlocked0 Medium List 1 Accent 3;\lsdpriority66 \lsdlocked0 Medium List 2 Accent 3;\lsdpriority67 \lsdlocked0 Medium Grid 1 Acc</w:t>
      </w:r>
      <w:r w:rsidRPr="005A1F79">
        <w:rPr>
          <w:rFonts w:ascii="Courier New" w:hAnsi="Courier New" w:cs="Courier New"/>
        </w:rPr>
        <w:t>ent 3;\lsdpriority68 \lsdlocked0 Medium Grid 2 Accent 3;\lsdpriority69 \lsdlocked0 Medium Grid 3 Accent 3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70 \lsdlocked0 Dark List Accent 3;\lsdpriority71 \lsdlocked0 Colorful Shading Accent 3;\lsdpriority72 \lsdlocked0 Colorful List Accent 3</w:t>
      </w:r>
      <w:r w:rsidRPr="005A1F79">
        <w:rPr>
          <w:rFonts w:ascii="Courier New" w:hAnsi="Courier New" w:cs="Courier New"/>
        </w:rPr>
        <w:t>;\lsdpriority73 \lsdlocked0 Colorful Grid Accent 3;\lsdpriority60 \lsdlocked0 Light Shading Accent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1 \lsdlocked0 Light List Accent 4;\lsdpriority62 \lsdlocked0 Light Grid Accent 4;\lsdpriority63 \lsdlocked0 Medium Shading 1 Accent 4;\lsdpr</w:t>
      </w:r>
      <w:r w:rsidRPr="005A1F79">
        <w:rPr>
          <w:rFonts w:ascii="Courier New" w:hAnsi="Courier New" w:cs="Courier New"/>
        </w:rPr>
        <w:t>iority64 \lsdlocked0 Medium Shading 2 Accent 4;\lsdpriority65 \lsdlocked0 Medium List 1 Accent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6 \lsdlocked0 Medium List 2 Accent 4;\lsdpriority67 \lsdlocked0 Medium Grid 1 Accent 4;\lsdpriority68 \lsdlocked0 Medium Grid 2 Accent 4;\lsdpri</w:t>
      </w:r>
      <w:r w:rsidRPr="005A1F79">
        <w:rPr>
          <w:rFonts w:ascii="Courier New" w:hAnsi="Courier New" w:cs="Courier New"/>
        </w:rPr>
        <w:t>ority69 \lsdlocked0 Medium Grid 3 Accent 4;\lsdpriority70 \lsdlocked0 Dark List Accent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71 \lsdlocked0 Colorful Shading Accent 4;\lsdpriority72 \lsdlocked0 Colorful List Accent 4;\lsdpriority73 \lsdlocked0 Colorful Grid Accent 4;\lsdpriority</w:t>
      </w:r>
      <w:r w:rsidRPr="005A1F79">
        <w:rPr>
          <w:rFonts w:ascii="Courier New" w:hAnsi="Courier New" w:cs="Courier New"/>
        </w:rPr>
        <w:t>60 \lsdlocked0 Light Shading Accent 5;\lsdpriority61 \lsdlocked0 Light List Accent 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2 \lsdlocked0 Light Grid Accent 5;\lsdpriority63 \lsdlocked0 Medium Shading 1 Accent 5;\lsdpriority64 \lsdlocked0 Medium Shading 2 Accent 5;\lsdpriority65 \</w:t>
      </w:r>
      <w:r w:rsidRPr="005A1F79">
        <w:rPr>
          <w:rFonts w:ascii="Courier New" w:hAnsi="Courier New" w:cs="Courier New"/>
        </w:rPr>
        <w:t>lsdlocked0 Medium List 1 Accent 5;\lsdpriority66 \lsdlocked0 Medium List 2 Accent 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7 \lsdlocked0 Medium Grid 1 Accent 5;\lsdpriority68 \lsdlocked0 Medium Grid 2 Accent 5;\lsdpriority69 \lsdlocked0 Medium Grid 3 Accent 5;\lsdpriority70 \lsdl</w:t>
      </w:r>
      <w:r w:rsidRPr="005A1F79">
        <w:rPr>
          <w:rFonts w:ascii="Courier New" w:hAnsi="Courier New" w:cs="Courier New"/>
        </w:rPr>
        <w:t>ocked0 Dark List Accent 5;\lsdpriority71 \lsdlocked0 Colorful Shading Accent 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72 \lsdlocked0 Colorful List Accent 5;\lsdpriority73 \lsdlocked0 Colorful Grid Accent 5;\lsdpriority60 \lsdlocked0 Light Shading Accent 6;\lsdpriority61 \lsdlocked</w:t>
      </w:r>
      <w:r w:rsidRPr="005A1F79">
        <w:rPr>
          <w:rFonts w:ascii="Courier New" w:hAnsi="Courier New" w:cs="Courier New"/>
        </w:rPr>
        <w:t>0 Light List Accent 6;\lsdpriority62 \lsdlocked0 Light Grid Accent 6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3 \lsdlocked0 Medium Shading 1 Accent 6;\lsdpriority64 \lsdlocked0 Medium Shading 2 Accent 6;\lsdpriority65 \lsdlocked0 Medium List 1 Accent 6;\lsdpriority66 \lsdlocked0 Me</w:t>
      </w:r>
      <w:r w:rsidRPr="005A1F79">
        <w:rPr>
          <w:rFonts w:ascii="Courier New" w:hAnsi="Courier New" w:cs="Courier New"/>
        </w:rPr>
        <w:t>dium List 2 Accent 6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67 \lsdlocked0 Medium Grid 1 Accent 6;\lsdpriority68 \lsdlocked0 Medium Grid 2 Accent 6;\lsdpriority69 \lsdlocked0 Medium Grid 3 Accent 6;\lsdpriority70 \lsdlocked0 Dark List Accent 6;\lsdpriority71 \lsdlocked0 Colorful S</w:t>
      </w:r>
      <w:r w:rsidRPr="005A1F79">
        <w:rPr>
          <w:rFonts w:ascii="Courier New" w:hAnsi="Courier New" w:cs="Courier New"/>
        </w:rPr>
        <w:t>hading Accent 6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72 \lsdlocked0 Colorful List Accent 6;\lsdpriority73 \lsdlocked0 Colorful Grid Accent 6;\lsdqformat1 \lsdpriority19 \lsdlocked0 Subtle Emphasis;\lsdqformat1 \lsdpriority21 \lsdlocked0 Intense Emphasis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qformat1 \lsdpriori</w:t>
      </w:r>
      <w:r w:rsidRPr="005A1F79">
        <w:rPr>
          <w:rFonts w:ascii="Courier New" w:hAnsi="Courier New" w:cs="Courier New"/>
        </w:rPr>
        <w:t>ty31 \lsdlocked0 Subtle Reference;\lsdqformat1 \lsdpriority32 \lsdlocked0 Intense Reference;\lsdqformat1 \lsdpriority33 \lsdlocked0 Book Title;\lsdsemihidden1 \lsdunhideused1 \lsdpriority37 \lsdlocked0 Bibliography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semihidden1 \lsdunhideused1 \lsdqfo</w:t>
      </w:r>
      <w:r w:rsidRPr="005A1F79">
        <w:rPr>
          <w:rFonts w:ascii="Courier New" w:hAnsi="Courier New" w:cs="Courier New"/>
        </w:rPr>
        <w:t>rmat1 \lsdpriority39 \lsdlocked0 TOC Heading;\lsdpriority41 \lsdlocked0 Plain Table 1;\lsdpriority42 \lsdlocked0 Plain Table 2;\lsdpriority43 \lsdlocked0 Plain Table 3;\lsdpriority44 \lsdlocked0 Plain Table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45 \lsdlocked0 Plain Table 5;\lsd</w:t>
      </w:r>
      <w:r w:rsidRPr="005A1F79">
        <w:rPr>
          <w:rFonts w:ascii="Courier New" w:hAnsi="Courier New" w:cs="Courier New"/>
        </w:rPr>
        <w:t>priority40 \lsdlocked0 Grid Table Light;\lsdpriority46 \lsdlocked0 Grid Table 1 Light;\lsdpriority47 \lsdlocked0 Grid Table 2;\lsdpriority48 \lsdlocked0 Grid Table 3;\lsdpriority49 \lsdlocked0 Grid Table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50 \lsdlocked0 Grid Table 5 Dark;\ls</w:t>
      </w:r>
      <w:r w:rsidRPr="005A1F79">
        <w:rPr>
          <w:rFonts w:ascii="Courier New" w:hAnsi="Courier New" w:cs="Courier New"/>
        </w:rPr>
        <w:t>dpriority51 \lsdlocked0 Grid Table 6 Colorful;\lsdpriority52 \lsdlocked0 Grid Table 7 Colorful;\lsdpriority46 \lsdlocked0 Grid Table 1 Light Accent 1;\lsdpriority47 \lsdlocked0 Grid Table 2 Accent 1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48 \lsdlocked0 Grid Table 3 Accent 1;\lsdpr</w:t>
      </w:r>
      <w:r w:rsidRPr="005A1F79">
        <w:rPr>
          <w:rFonts w:ascii="Courier New" w:hAnsi="Courier New" w:cs="Courier New"/>
        </w:rPr>
        <w:t>iority49 \lsdlocked0 Grid Table 4 Accent 1;\lsdpriority50 \lsdlocked0 Grid Table 5 Dark Accent 1;\lsdpriority51 \lsdlocked0 Grid Table 6 Colorful Accent 1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52 \lsdlocked0 Grid Table 7 Colorful Accent 1;\lsdpriority46 \lsdlocked0 Grid Table 1 L</w:t>
      </w:r>
      <w:r w:rsidRPr="005A1F79">
        <w:rPr>
          <w:rFonts w:ascii="Courier New" w:hAnsi="Courier New" w:cs="Courier New"/>
        </w:rPr>
        <w:t>ight Accent 2;\lsdpriority47 \lsdlocked0 Grid Table 2 Accent 2;\lsdpriority48 \lsdlocked0 Grid Table 3 Accent 2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49 \lsdlocked0 Grid Table 4 Accent 2;\lsdpriority50 \lsdlocked0 Grid Table 5 Dark Accent 2;\lsdpriority51 \lsdlocked0 Grid Table 6</w:t>
      </w:r>
      <w:r w:rsidRPr="005A1F79">
        <w:rPr>
          <w:rFonts w:ascii="Courier New" w:hAnsi="Courier New" w:cs="Courier New"/>
        </w:rPr>
        <w:t xml:space="preserve"> Colorful Accent 2;\lsdpriority52 \lsdlocked0 Grid Table 7 Colorful Accent 2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46 \lsdlocked0 Grid Table 1 Light Accent 3;\lsdpriority47 \lsdlocked0 Grid Table 2 Accent 3;\lsdpriority48 \lsdlocked0 Grid Table 3 Accent 3;\lsdpriority49 \lsdlocke</w:t>
      </w:r>
      <w:r w:rsidRPr="005A1F79">
        <w:rPr>
          <w:rFonts w:ascii="Courier New" w:hAnsi="Courier New" w:cs="Courier New"/>
        </w:rPr>
        <w:t>d0 Grid Table 4 Accent 3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50 \lsdlocked0 Grid Table 5 Dark Accent 3;\lsdpriority51 \lsdlocked0 Grid Table 6 Colorful Accent 3;\lsdpriority52 \lsdlocked0 Grid Table 7 Colorful Accent 3;\lsdpriority46 \lsdlocked0 Grid Table 1 Light Accent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</w:t>
      </w:r>
      <w:r w:rsidRPr="005A1F79">
        <w:rPr>
          <w:rFonts w:ascii="Courier New" w:hAnsi="Courier New" w:cs="Courier New"/>
        </w:rPr>
        <w:t>sdpriority47 \lsdlocked0 Grid Table 2 Accent 4;\lsdpriority48 \lsdlocked0 Grid Table 3 Accent 4;\lsdpriority49 \lsdlocked0 Grid Table 4 Accent 4;\lsdpriority50 \lsdlocked0 Grid Table 5 Dark Accent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51 \lsdlocked0 Grid Table 6 Colorful Accent</w:t>
      </w:r>
      <w:r w:rsidRPr="005A1F79">
        <w:rPr>
          <w:rFonts w:ascii="Courier New" w:hAnsi="Courier New" w:cs="Courier New"/>
        </w:rPr>
        <w:t xml:space="preserve"> 4;\lsdpriority52 \lsdlocked0 Grid Table 7 Colorful Accent 4;\lsdpriority46 \lsdlocked0 Grid Table 1 Light Accent 5;\lsdpriority47 \lsdlocked0 Grid Table 2 Accent 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sdpriority48 \lsdlocked0 Grid Table 3 Accent 5;\lsdpriority49 \lsdlocked0 Grid Table 4 </w:t>
      </w:r>
      <w:r w:rsidRPr="005A1F79">
        <w:rPr>
          <w:rFonts w:ascii="Courier New" w:hAnsi="Courier New" w:cs="Courier New"/>
        </w:rPr>
        <w:t>Accent 5;\lsdpriority50 \lsdlocked0 Grid Table 5 Dark Accent 5;\lsdpriority51 \lsdlocked0 Grid Table 6 Colorful Accent 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52 \lsdlocked0 Grid Table 7 Colorful Accent 5;\lsdpriority46 \lsdlocked0 Grid Table 1 Light Accent 6;\lsdpriority47 \lsdl</w:t>
      </w:r>
      <w:r w:rsidRPr="005A1F79">
        <w:rPr>
          <w:rFonts w:ascii="Courier New" w:hAnsi="Courier New" w:cs="Courier New"/>
        </w:rPr>
        <w:t>ocked0 Grid Table 2 Accent 6;\lsdpriority48 \lsdlocked0 Grid Table 3 Accent 6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sdpriority49 \lsdlocked0 Grid Table 4 Accent 6;\lsdpriority50 \lsdlocked0 Grid Table 5 Dark Accent 6;\lsdpriority51 \lsdlocked0 Grid Table 6 Colorful Accent 6;\lsdpriority52 </w:t>
      </w:r>
      <w:r w:rsidRPr="005A1F79">
        <w:rPr>
          <w:rFonts w:ascii="Courier New" w:hAnsi="Courier New" w:cs="Courier New"/>
        </w:rPr>
        <w:t>\lsdlocked0 Grid Table 7 Colorful Accent 6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46 \lsdlocked0 List Table 1 Light;\lsdpriority47 \lsdlocked0 List Table 2;\lsdpriority48 \lsdlocked0 List Table 3;\lsdpriority49 \lsdlocked0 List Table 4;\lsdpriority50 \lsdlocked0 List Table 5 Dark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51 \lsdlocked0 List Table 6 Colorful;\lsdpriority52 \lsdlocked0 List Table 7 Colorful;\lsdpriority46 \lsdlocked0 List Table 1 Light Accent 1;\lsdpriority47 \lsdlocked0 List Table 2 Accent 1;\lsdpriority48 \lsdlocked0 List Table 3 Accent 1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</w:t>
      </w:r>
      <w:r w:rsidRPr="005A1F79">
        <w:rPr>
          <w:rFonts w:ascii="Courier New" w:hAnsi="Courier New" w:cs="Courier New"/>
        </w:rPr>
        <w:t>lsdpriority49 \lsdlocked0 List Table 4 Accent 1;\lsdpriority50 \lsdlocked0 List Table 5 Dark Accent 1;\lsdpriority51 \lsdlocked0 List Table 6 Colorful Accent 1;\lsdpriority52 \lsdlocked0 List Table 7 Colorful Accent 1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46 \lsdlocked0 List Tabl</w:t>
      </w:r>
      <w:r w:rsidRPr="005A1F79">
        <w:rPr>
          <w:rFonts w:ascii="Courier New" w:hAnsi="Courier New" w:cs="Courier New"/>
        </w:rPr>
        <w:t>e 1 Light Accent 2;\lsdpriority47 \lsdlocked0 List Table 2 Accent 2;\lsdpriority48 \lsdlocked0 List Table 3 Accent 2;\lsdpriority49 \lsdlocked0 List Table 4 Accent 2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50 \lsdlocked0 List Table 5 Dark Accent 2;\lsdpriority51 \lsdlocked0 List Ta</w:t>
      </w:r>
      <w:r w:rsidRPr="005A1F79">
        <w:rPr>
          <w:rFonts w:ascii="Courier New" w:hAnsi="Courier New" w:cs="Courier New"/>
        </w:rPr>
        <w:t>ble 6 Colorful Accent 2;\lsdpriority52 \lsdlocked0 List Table 7 Colorful Accent 2;\lsdpriority46 \lsdlocked0 List Table 1 Light Accent 3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47 \lsdlocked0 List Table 2 Accent 3;\lsdpriority48 \lsdlocked0 List Table 3 Accent 3;\lsdpriority49 \lsd</w:t>
      </w:r>
      <w:r w:rsidRPr="005A1F79">
        <w:rPr>
          <w:rFonts w:ascii="Courier New" w:hAnsi="Courier New" w:cs="Courier New"/>
        </w:rPr>
        <w:t>locked0 List Table 4 Accent 3;\lsdpriority50 \lsdlocked0 List Table 5 Dark Accent 3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51 \lsdlocked0 List Table 6 Colorful Accent 3;\lsdpriority52 \lsdlocked0 List Table 7 Colorful Accent 3;\lsdpriority46 \lsdlocked0 List Table 1 Light Accent 4</w:t>
      </w:r>
      <w:r w:rsidRPr="005A1F79">
        <w:rPr>
          <w:rFonts w:ascii="Courier New" w:hAnsi="Courier New" w:cs="Courier New"/>
        </w:rPr>
        <w:t>;\lsdpriority47 \lsdlocked0 List Table 2 Accent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48 \lsdlocked0 List Table 3 Accent 4;\lsdpriority49 \lsdlocked0 List Table 4 Accent 4;\lsdpriority50 \lsdlocked0 List Table 5 Dark Accent 4;\lsdpriority51 \lsdlocked0 List Table 6 Colorful Acc</w:t>
      </w:r>
      <w:r w:rsidRPr="005A1F79">
        <w:rPr>
          <w:rFonts w:ascii="Courier New" w:hAnsi="Courier New" w:cs="Courier New"/>
        </w:rPr>
        <w:t>ent 4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52 \lsdlocked0 List Table 7 Colorful Accent 4;\lsdpriority46 \lsdlocked0 List Table 1 Light Accent 5;\lsdpriority47 \lsdlocked0 List Table 2 Accent 5;\lsdpriority48 \lsdlocked0 List Table 3 Accent 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49 \lsdlocked0 List Tab</w:t>
      </w:r>
      <w:r w:rsidRPr="005A1F79">
        <w:rPr>
          <w:rFonts w:ascii="Courier New" w:hAnsi="Courier New" w:cs="Courier New"/>
        </w:rPr>
        <w:t>le 4 Accent 5;\lsdpriority50 \lsdlocked0 List Table 5 Dark Accent 5;\lsdpriority51 \lsdlocked0 List Table 6 Colorful Accent 5;\lsdpriority52 \lsdlocked0 List Table 7 Colorful Accent 5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 xml:space="preserve">\lsdpriority46 \lsdlocked0 List Table 1 Light Accent 6;\lsdpriority47 </w:t>
      </w:r>
      <w:r w:rsidRPr="005A1F79">
        <w:rPr>
          <w:rFonts w:ascii="Courier New" w:hAnsi="Courier New" w:cs="Courier New"/>
        </w:rPr>
        <w:t>\lsdlocked0 List Table 2 Accent 6;\lsdpriority48 \lsdlocked0 List Table 3 Accent 6;\lsdpriority49 \lsdlocked0 List Table 4 Accent 6;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\lsdpriority50 \lsdlocked0 List Table 5 Dark Accent 6;\lsdpriority51 \lsdlocked0 List Table 6 Colorful Accent 6;\lsdpriori</w:t>
      </w:r>
      <w:r w:rsidRPr="005A1F79">
        <w:rPr>
          <w:rFonts w:ascii="Courier New" w:hAnsi="Courier New" w:cs="Courier New"/>
        </w:rPr>
        <w:t>ty52 \lsdlocked0 List Table 7 Colorful Accent 6;}}{\*\datastore 01050000020000001800000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4d73786d6c322e534158584d4c5265616465722e362e300000000000000000000006000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d0cf11e0a1b11ae1000000000000000000000000000000003e000300feff09000600000000000000000000000100</w:t>
      </w:r>
      <w:r w:rsidRPr="005A1F79">
        <w:rPr>
          <w:rFonts w:ascii="Courier New" w:hAnsi="Courier New" w:cs="Courier New"/>
        </w:rPr>
        <w:t>0000010000000000000000100000feffffff00000000feffffff0000000000000000ffffffffffffffffffffffffffffffffffffffffffffffffffffffffffffffffffffffffffffffffffffffffff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ffffffffffffffffffffffffffffffffffffffffffffffffffffffffffffffffffffffffffffffffffffffffffffff</w:t>
      </w:r>
      <w:r w:rsidRPr="005A1F79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ffffffffffffffffffffffffffffffffffffffffffffffffffffffffffffffffffffffffffffffffffffffffffffffff</w:t>
      </w:r>
      <w:r w:rsidRPr="005A1F79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ffffffffffffffffffffffffffffffffffffffffffffffffffffffffffffffffffffffffffffffffffffffffffffffffff</w:t>
      </w:r>
      <w:r w:rsidRPr="005A1F79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fffffffffffffffffdfffffffeffffffffffffffffffffffffffffffffffffffffffffffffffffffffffffffffffffffffff</w:t>
      </w:r>
      <w:r w:rsidRPr="005A1F79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ffffffffffffffffffffffffffffffffffffffffffffffffffffffffffffffffffffffffffffffffffffffffffffffffffffff</w:t>
      </w:r>
      <w:r w:rsidRPr="005A1F79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ffffffffffffffffffffffffffffffffffffffffffffffffffffffffffffffffffffffffffffffffffffffffffffffffffffffff</w:t>
      </w:r>
      <w:r w:rsidRPr="005A1F79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ffffffffffffffffffffffffffffffffffffffffffffffffffffffffffffffffffffffffffffffffffffffffffffffffffffffffff</w:t>
      </w:r>
      <w:r w:rsidRPr="005A1F79">
        <w:rPr>
          <w:rFonts w:ascii="Courier New" w:hAnsi="Courier New" w:cs="Courier New"/>
        </w:rPr>
        <w:t>ffffffffffffffffffffffffffffffffffffffffffffffffffffffffffffffffffffffffffffffffffffffffffffffffffffffffffffffffffffffffffffffffffffffffffffffffff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ffffffffffffffffffffffffffffffff52006f006f007400200045006e00740072007900000000000000000000000000000000000000</w:t>
      </w:r>
      <w:r w:rsidRPr="005A1F79">
        <w:rPr>
          <w:rFonts w:ascii="Courier New" w:hAnsi="Courier New" w:cs="Courier New"/>
        </w:rPr>
        <w:t>000000000000000000000000000000000000000000000000000016000500ffffffffffffffffffffffff0c6ad98892f1d411a65f0040963251e5000000000000000000000000e006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8bf67b6d701feffffff000000000000000000000000000000000000000000000000000000000000000000000000000000000000000000</w:t>
      </w:r>
      <w:r w:rsidRPr="005A1F79">
        <w:rPr>
          <w:rFonts w:ascii="Courier New" w:hAnsi="Courier New" w:cs="Courier New"/>
        </w:rPr>
        <w:t>00000000000000000000000000000000000000000000000000000000000000ffffffffffffffffffffffff0000000000000000000000000000000000000000000000000000000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000000000000000000000000000000000000000000000000000000000000000000000000000000000000000000000000000000000000000</w:t>
      </w:r>
      <w:r w:rsidRPr="005A1F79">
        <w:rPr>
          <w:rFonts w:ascii="Courier New" w:hAnsi="Courier New" w:cs="Courier New"/>
        </w:rPr>
        <w:t>0000000000000000000000000000000000000000000000000000000000000000ffffffffffffffffffffffff000000000000000000000000000000000000000000000000000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00000000000000000000000000000000000000000000000000000000000000000000000000000000000000000000000000000000000000000</w:t>
      </w:r>
      <w:r w:rsidRPr="005A1F79">
        <w:rPr>
          <w:rFonts w:ascii="Courier New" w:hAnsi="Courier New" w:cs="Courier New"/>
        </w:rPr>
        <w:t>000000000000000000000000000000000000000000000000000000000000000000ffffffffffffffffffffffff000000000000000000000000000000000000000000000000</w:t>
      </w:r>
    </w:p>
    <w:p w:rsidR="00000000" w:rsidRPr="005A1F79" w:rsidRDefault="00252FCC" w:rsidP="005A1F79">
      <w:pPr>
        <w:pStyle w:val="PlainText"/>
        <w:rPr>
          <w:rFonts w:ascii="Courier New" w:hAnsi="Courier New" w:cs="Courier New"/>
        </w:rPr>
      </w:pPr>
      <w:r w:rsidRPr="005A1F79">
        <w:rPr>
          <w:rFonts w:ascii="Courier New" w:hAnsi="Courier New" w:cs="Courier New"/>
        </w:rPr>
        <w:t>0000000000000000000000000000000000000000000000000105000000000000}}</w:t>
      </w:r>
    </w:p>
    <w:sectPr w:rsidR="00000000" w:rsidRPr="005A1F79" w:rsidSect="005A1F79">
      <w:pgSz w:w="12240" w:h="15840"/>
      <w:pgMar w:top="1440" w:right="1502" w:bottom="1440" w:left="1501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revisionView w:inkAnnotations="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76CED"/>
    <w:rsid w:val="00252FCC"/>
    <w:rsid w:val="005A1F79"/>
    <w:rsid w:val="00A76CE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  <w15:docId w15:val="{8E456CBB-571F-4C61-B587-AF671228243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PlainText">
    <w:name w:val="Plain Text"/>
    <w:basedOn w:val="Normal"/>
    <w:link w:val="PlainTextChar"/>
    <w:uiPriority w:val="99"/>
    <w:unhideWhenUsed/>
    <w:rsid w:val="005A1F79"/>
    <w:pPr>
      <w:spacing w:after="0" w:line="240" w:lineRule="auto"/>
    </w:pPr>
    <w:rPr>
      <w:rFonts w:ascii="Consolas" w:hAnsi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rsid w:val="005A1F79"/>
    <w:rPr>
      <w:rFonts w:ascii="Consolas" w:hAnsi="Consolas"/>
      <w:sz w:val="21"/>
      <w:szCs w:val="21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76907</Words>
  <Characters>438372</Characters>
  <Application>Microsoft Office Word</Application>
  <DocSecurity>4</DocSecurity>
  <Lines>3653</Lines>
  <Paragraphs>1028</Paragraphs>
  <ScaleCrop>false</ScaleCrop>
  <Company/>
  <LinksUpToDate>false</LinksUpToDate>
  <CharactersWithSpaces>5142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word</dc:creator>
  <cp:keywords/>
  <dc:description/>
  <cp:lastModifiedBy>word</cp:lastModifiedBy>
  <cp:revision>2</cp:revision>
  <dcterms:created xsi:type="dcterms:W3CDTF">2022-03-05T08:09:00Z</dcterms:created>
  <dcterms:modified xsi:type="dcterms:W3CDTF">2022-03-05T08:09:00Z</dcterms:modified>
</cp:coreProperties>
</file>